
<file path=[Content_Types].xml><?xml version="1.0" encoding="utf-8"?>
<Types xmlns="http://schemas.openxmlformats.org/package/2006/content-types"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ink/ink5.xml" ContentType="application/inkml+xml"/>
  <Override PartName="/ppt/ink/ink6.xml" ContentType="application/inkml+xml"/>
  <Override PartName="/ppt/ink/ink7.xml" ContentType="application/inkml+xml"/>
  <Override PartName="/ppt/ink/ink8.xml" ContentType="application/inkml+xml"/>
  <Override PartName="/ppt/ink/ink9.xml" ContentType="application/inkml+xml"/>
  <Override PartName="/ppt/ink/ink10.xml" ContentType="application/inkml+xml"/>
  <Override PartName="/ppt/ink/ink11.xml" ContentType="application/inkml+xml"/>
  <Override PartName="/ppt/ink/ink12.xml" ContentType="application/inkml+xml"/>
  <Override PartName="/ppt/ink/ink13.xml" ContentType="application/inkml+xml"/>
  <Override PartName="/ppt/ink/ink14.xml" ContentType="application/inkml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46"/>
  </p:notesMasterIdLst>
  <p:handoutMasterIdLst>
    <p:handoutMasterId r:id="rId47"/>
  </p:handoutMasterIdLst>
  <p:sldIdLst>
    <p:sldId id="256" r:id="rId10"/>
    <p:sldId id="260" r:id="rId11"/>
    <p:sldId id="257" r:id="rId12"/>
    <p:sldId id="261" r:id="rId13"/>
    <p:sldId id="262" r:id="rId14"/>
    <p:sldId id="263" r:id="rId15"/>
    <p:sldId id="269" r:id="rId16"/>
    <p:sldId id="270" r:id="rId17"/>
    <p:sldId id="271" r:id="rId18"/>
    <p:sldId id="272" r:id="rId19"/>
    <p:sldId id="273" r:id="rId20"/>
    <p:sldId id="265" r:id="rId21"/>
    <p:sldId id="274" r:id="rId22"/>
    <p:sldId id="275" r:id="rId23"/>
    <p:sldId id="276" r:id="rId24"/>
    <p:sldId id="277" r:id="rId25"/>
    <p:sldId id="278" r:id="rId26"/>
    <p:sldId id="279" r:id="rId27"/>
    <p:sldId id="280" r:id="rId28"/>
    <p:sldId id="281" r:id="rId29"/>
    <p:sldId id="282" r:id="rId30"/>
    <p:sldId id="283" r:id="rId31"/>
    <p:sldId id="284" r:id="rId32"/>
    <p:sldId id="285" r:id="rId33"/>
    <p:sldId id="286" r:id="rId34"/>
    <p:sldId id="266" r:id="rId35"/>
    <p:sldId id="287" r:id="rId36"/>
    <p:sldId id="288" r:id="rId37"/>
    <p:sldId id="289" r:id="rId38"/>
    <p:sldId id="290" r:id="rId39"/>
    <p:sldId id="291" r:id="rId40"/>
    <p:sldId id="267" r:id="rId41"/>
    <p:sldId id="292" r:id="rId42"/>
    <p:sldId id="293" r:id="rId43"/>
    <p:sldId id="294" r:id="rId44"/>
    <p:sldId id="268" r:id="rId45"/>
  </p:sldIdLst>
  <p:sldSz cx="12190413" cy="6858000"/>
  <p:notesSz cx="6858000" cy="9144000"/>
  <p:custDataLst>
    <p:tags r:id="rId4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159" autoAdjust="0"/>
    <p:restoredTop sz="96067" autoAdjust="0"/>
  </p:normalViewPr>
  <p:slideViewPr>
    <p:cSldViewPr showGuides="1">
      <p:cViewPr varScale="1">
        <p:scale>
          <a:sx n="135" d="100"/>
          <a:sy n="135" d="100"/>
        </p:scale>
        <p:origin x="200" y="50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handoutMaster" Target="handoutMasters/handoutMaster1.xml"/><Relationship Id="rId50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9" Type="http://schemas.openxmlformats.org/officeDocument/2006/relationships/slide" Target="slides/slide20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slide" Target="slides/slide36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presProps" Target="pres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slide" Target="slides/slide35.xml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slide" Target="slides/slide34.xml"/><Relationship Id="rId48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notesMaster" Target="notesMasters/notesMaster1.xml"/><Relationship Id="rId20" Type="http://schemas.openxmlformats.org/officeDocument/2006/relationships/slide" Target="slides/slide11.xml"/><Relationship Id="rId41" Type="http://schemas.openxmlformats.org/officeDocument/2006/relationships/slide" Target="slides/slide3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18:54:10.757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1 30 16383,'53'0'0,"-8"0"0,-11 0 0,-8 0 0,4 0 0,-6 0 0,-3 0 0,-2 0 0,0 0 0,-3 0 0,4 0 0,-5 0 0,-1 0 0,11 0 0,-8-7 0,12 5 0,-9-4 0,1 6 0,2 0 0,-7 0 0,4 0 0,-5 0 0,2 0 0,-1 0 0,1 0 0,-1 0 0,-1 0 0,5 0 0,-4 0 0,2 0 0,-3 0 0,4 0 0,-3-4 0,4 4 0,-1-4 0,1 4 0,0 0 0,0 0 0,-5 0 0,0 0 0,6 0 0,-8-3 0,8 3 0,-10-4 0,8 4 0,-3 0 0,8 0 0,-8 0 0,8 0 0,-8 0 0,3 0 0,-4 0 0,4 0 0,-3 0 0,3 0 0,-4 0 0,0 0 0,11 0 0,-4 0 0,9 0 0,-6 0 0,0 0 0,-1 0 0,1 0 0,-1 0 0,-3 0 0,-2 0 0,0 0 0,-3 0 0,0 0 0,4 0 0,-10 0 0,10 0 0,-5 0 0,0 0 0,3 0 0,0 0 0,-2 0 0,2 0 0,0 0 0,-2 4 0,4-3 0,-4 2 0,2-3 0,-3 3 0,3-2 0,-3 6 0,3-6 0,-3 2 0,0 0 0,0-2 0,4 2 0,-2-3 0,6 4 0,-7-3 0,8 3 0,-8-4 0,3 0 0,0 3 0,-3-2 0,3 3 0,-4-1 0,0-2 0,5 2 0,-4-3 0,7 4 0,-7 0 0,8 1 0,-8-2 0,3 0 0,-4-2 0,0 6 0,0-6 0,0 5 0,0-5 0,0 2 0,6-3 0,0 0 0,2 0 0,1 0 0,-8 0 0,3 0 0,-4 0 0,0 0 0,3 0 0,-3 4 0,3-3 0,-4 2 0,2-3 0,-2 0 0,5 0 0,-4 0 0,3 0 0,-3 0 0,0 0 0,3 0 0,-3 0 0,1 0 0</inkml:trace>
</inkml:ink>
</file>

<file path=ppt/ink/ink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20:01:19.569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2450 74 16383,'-55'0'0,"-5"0"0,10 0 0,-10 0 0,-11 0 0,-17 0 0,36 0 0,-2 0 0,-2 0 0,-1 0 0,0 0 0,1 0 0,3 0 0,1 0 0,-4 0 0,1 0 0,-42 0 0,1 0 0,30 0 0,-32 0 0,46 0 0,-5 1 0,-1-2 0,8-3 0,-2-1 0,0-2 0,8-3 0,-45-8 0,36 9 0,-10 3 0,9-3 0,6 8 0,5-4 0,1 5 0,7 0 0,-1 0 0,6 0 0,0 0 0,6 0 0,-1 0 0,5 4 0,-4 0 0,12 3 0,-7 1 0,2-1 0,4-3 0,-6 6 0,8-6 0,-3 3 0,-3-1 0,2-5 0,-1 5 0,3-3 0,-1 4 0</inkml:trace>
</inkml:ink>
</file>

<file path=ppt/ink/ink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20:31:03.226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1 1 16383,'49'0'0,"1"0"0,-19 0 0,5 4 0,5 1 0,-4 0 0,9 3 0,-3-7 0,5 4 0,-5-5 0,4 0 0,-10 0 0,4 0 0,-5 4 0,0-3 0,-10 3 0,3-4 0,-13 3 0,-1-2 0,2 2 0,-6 0 0,13-2 0,-4 6 0,12-3 0,-6 5 0,8-5 0,-3 4 0,-1-3 0,5 0 0,-9 2 0,3-2 0,-5-1 0,1 3 0,0-6 0,-1 7 0,1-8 0,-1 8 0,6-7 0,-4 2 0,4 1 0,-1-3 0,-4 3 0,10 0 0,-10-4 0,5 4 0,0-4 0,-5 0 0,5 0 0,-5 0 0,-5 0 0,4 4 0,-4-3 0,0 6 0,3-6 0,-7 5 0,4-5 0,-5 6 0,0-3 0,0 0 0,0 3 0,0-6 0,0 5 0,-1-5 0,1 6 0,0-6 0,5 2 0,5-3 0,1 0 0,8 0 0,-8 0 0,8 0 0,-8 0 0,4 0 0,-10 0 0,4 0 0,-8 0 0,-1 0 0,2 0 0,-5 0 0,6 0 0,-1 0 0,-3 0 0,3 0 0,0 0 0,-2 0 0,12 0 0,-5-4 0,12-4 0,-8-2 0,3-6 0,-4 7 0,0-3 0,-5 4 0,-4 1 0,-3 3 0,-2 1 0</inkml:trace>
</inkml:ink>
</file>

<file path=ppt/ink/ink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20:31:05.157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1 111 16383,'53'0'0,"0"0"0,14 0 0,-3 0 0,23 0 0,-23 0 0,-2 0 0,21 0 0,-27 0 0,-1 0 0,11 0 0,14 0 0,7 0 0,-15 0 0,-20 0 0,0 0 0,25 0 0,-5 0 0,21 0 0,-5 0 0,-20 0 0,-9 0 0,-3 0 0,-7 0 0,4 0 0,1 0 0,13 0 0,-1 0 0,17 0 0,-26 0 0,6 0 0,-8 0 0,0 0 0,8 0 0,1 0 0,-7 0 0,17 0 0,-13 0 0,24 0 0,-7 0 0,-14 0 0,10 0 0,-9 0 0,6 0 0,-2 0 0,-13 0 0,-1-4 0,-12 3 0,-2-7 0,-10 7 0,-2-3 0,-8 0 0,2 0 0,-7 0 0,8-4 0,-4 4 0,5-1 0,4-3 0,2 4 0,5-5 0,5 4 0,2-4 0,0 8 0,-2-7 0,-6 7 0,-4-3 0,-1 0 0,-6 3 0,-3-2 0,-6 0 0,-1 2 0,0-2 0,7 3 0,-5 0 0,3 0 0,-5 0 0,0 0 0,5 0 0,-5 0 0,3 0 0,2 4 0,-3-3 0,4 2 0,-6 1 0,1-4 0,2 7 0,0-3 0</inkml:trace>
</inkml:ink>
</file>

<file path=ppt/ink/ink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20:31:10.701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0 23 16383,'65'0'0,"-9"0"0,4 0 0,-7 0 0,16 0 0,-7 0 0,-11 0 0,2 0 0,-10 0 0,11 0 0,9 0 0,-5 0 0,10 0 0,-12 0 0,12 0 0,11 0 0,8 0 0,0 0 0,6 0 0,2 0 0,2 0 0,-40 0 0,-3 0 0,23 0 0,20 0 0,-30 0 0,18 0 0,-15 0 0,0 0 0,-8 0 0,-6 0 0,-2 0 0,-5 0 0,-1 0 0,0 0 0,0 0 0,1 0 0,-1 0 0,0 0 0,-5 0 0,-2 0 0,0 0 0,-4 0 0,5 0 0,-11 0 0,3 0 0,-8 0 0,4 0 0,-6 0 0,1 0 0,4 0 0,2 0 0,5 0 0,-1 0 0,7 0 0,-5 0 0,10 0 0,-4 0 0,5 0 0,0 0 0,0 0 0,1 0 0,-7 0 0,0 0 0,-7 0 0,1 0 0,-5 0 0,-2 0 0,1 0 0,-4 0 0,8 0 0,-8 0 0,8 0 0,-8 0 0,4 0 0,-6-7 0,1 5 0,-5-5 0,0 7 0,-5 0 0,0 0 0,3-3 0,0 2 0,-3-2 0,2 3 0,-4 0 0,3 0 0</inkml:trace>
</inkml:ink>
</file>

<file path=ppt/ink/ink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20:40:47.665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1 35 16383,'41'0'0,"-9"0"0,-22 0 0,0 0 0,10 3 0,-7-2 0,6 5 0,-6-5 0,-2 5 0,10-6 0,-7 3 0,3 0 0,0-2 0,-3 2 0,2 0 0,1-2 0,-3 2 0,5-3 0,-5 3 0,2-2 0,1 2 0,1 0 0,0-3 0,-4 3 0,7 1 0,-8-3 0,9 2 0,-7-3 0,-1 0 0,3 0 0,1 3 0,4-2 0,2 2 0,-4 0 0,3-2 0,-2 2 0,3 1 0,1-3 0,-5 2 0,4-3 0,-8 0 0,3 0 0,-5 3 0,0-2 0,7 2 0,-5-3 0,6 0 0,-7 0 0,4 0 0,1 0 0,5 0 0,-1 0 0,1 0 0,-5 0 0,4 4 0,-4-3 0,1 2 0,2-3 0,-7 0 0,4 0 0,-6 0 0,1 0 0,11 0 0,-8 0 0,8 0 0,-11 0 0,0 0 0,3 0 0,-3 0 0,2 0 0,0-3 0,-61 2 0,40-5 0,-50 5 0,109-2 0,-28 3 0,49 0 0,-40 0 0,0 0 0,-1 0 0,1 0 0,0 0 0,5 0 0,-4 0 0,10 0 0,-4 0 0,5 0 0,0 0 0,1 0 0,5 0 0,-4 0 0,4 0 0,-5 0 0,-1 0 0,0-8 0,-5 5 0,-2-5 0,-10 8 0,-2 0 0,1 0 0,-4 0 0,8 0 0,-8-4 0,9 3 0,1-2 0,13-2 0,-10 0 0,34 0 0,-36-3 0,31 7 0,-26-7 0,12 7 0,-9-4 0,7 5 0,-15-4 0,0 3 0,-8-3 0,-4 4 0,0 0 0,-1-3 0,6 2 0,1-7 0,4 7 0,13-7 0,-10 7 0,29-9 0,-27 9 0,26-4 0,-16 5 0,12 0 0,-6 0 0,-1 0 0,-7 0 0,-5 0 0,19 0 0,-15 0 0,12 0 0,-18 0 0,-5 4 0,-5 0 0,-2 1 0,-9 2 0,0-3 0,-9 1 0,5 1 0,3-5 0,9 2 0,11-3 0,-2 0 0,4 0 0,-5 0 0,-1 0 0,-4 0 0,4 0 0,-10 0 0,5 0 0,-10 0 0,4 0 0,-4 0 0,10 0 0,-4 0 0,8 0 0,-3 0 0,10 0 0,1 0 0,6 0 0,0 0 0,1 0 0,-1 0 0,0 0 0,1 0 0,-7 0 0,5 0 0,-10 0 0,10 0 0,-5 0 0,7 0 0,11 0 0,5 0 0,12 0 0,1 0 0,-14 0 0,34 0 0,-40 0 0,39 0 0,-39 4 0,18 2 0,-19 4 0,11 1 0,-24-5 0,4 2 0,-12-7 0,-6 3 0,0-4 0,-5 0 0,-15 0 0,17 0 0,-15 0 0,18 0 0,0 0 0,-4 0 0,8 0 0,-3 0 0,0 0 0,-2 0 0,-4 0 0,-5 0 0,0 0 0,-9 0 0,5 0 0,7 0 0,1 0 0,8 4 0,-3 1 0,-3-1 0,9 0 0,-10 0 0,10-3 0,-9 2 0,3-3 0,-8 0 0,-2 0 0,-4 0 0,0 4 0,0-3 0,0 2 0,4-3 0,-3 0 0,8 0 0,7 0 0,-4 0 0,25 0 0,-19 0 0,21 0 0,-6 0 0,2 0 0,11 0 0,-11 0 0,4 0 0,-6 0 0,-6 0 0,-1 0 0,-10 0 0,-2 0 0,-4 0 0,-5 0 0,-1 0 0,1 0 0,-4 0 0,3 0 0,-4 0 0,0 0 0,11 0 0,-8 0 0,12 0 0,-5 0 0,1 0 0,3 0 0,1 0 0,-4 0 0,8 0 0,-8 0 0,9 0 0,-10 0 0,10 0 0,-9 0 0,-1 3 0,-6-2 0,-4 2 0,-1-3 0,3 3 0,-3-2 0,3 2 0,0-3 0,-2 0 0,1 0 0,0 0 0,-1-3 0,1 2 0,0-2 0,-2 0 0,6-4 0,-1-1 0,4-6 0,7 4 0,-4-5 0,3 5 0,-4-5 0,-5 9 0,-4-4 0,-2 6 0,-4-3 0,5 0 0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18:55:00.398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0 76 16383,'57'-5'0,"-3"-3"0,-17-2 0,5 0 0,6-4 0,0 4 0,-5 1 0,4 4 0,-4 1 0,-1 4 0,5 0 0,-10 0 0,5 0 0,-7 0 0,-4 0 0,-1 0 0,-6 0 0,-3 0 0,-2 0 0,-8 0 0,6 0 0,-2 0 0,0 0 0,5 0 0,-8 0 0,5 0 0,4 3 0,-8 0 0,10 5 0,-15-2 0,12 2 0,-8 2 0,2-6 0,1 5 0,-3-8 0,9 2 0,-3-3 0,-3 0 0,2 0 0,-4 0 0,2 0 0,4 3 0,-5 1 0,3 0 0,-1-1 0,-1-3 0,1 0 0,1 0 0,-4 3 0,3 0 0,-3 4 0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18:55:03.352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0 1 16383,'60'0'0,"-7"0"0,-23 0 0,11 0 0,-2 0 0,8 0 0,-1 0 0,-12 0 0,11 0 0,-8 0 0,-8 0 0,6 0 0,-8 0 0,-1 0 0,8 0 0,-17 0 0,4 0 0,-7 0 0,2 0 0,1 0 0,-2 0 0,5 0 0,-4 0 0,1 0 0,-1 0 0,-5 0 0,9 0 0,-6 0 0,3 0 0,3 0 0,-8 0 0,8 0 0,-6 0 0,5 0 0,0 0 0,2 0 0,-6 0 0,3 0 0,2 0 0,-4 0 0,3 0 0,-4 0 0,0 0 0,9 0 0,-6 0 0,6 0 0,-12 0 0,2 0 0,3 0 0,3 0 0,-2 0 0,-1 0 0,-3 0 0,2 0 0,2 0 0,3 0 0,0 0 0,6 0 0,-2 3 0,0 2 0,-1 3 0,6 1 0,-4-5 0,8 4 0,13-7 0,-12 7 0,15-7 0,-19 2 0,11-3 0,-10 0 0,3 0 0,-10 0 0,6 4 0,-4-3 0,-1 6 0,9-3 0,-12 4 0,8-3 0,4 6 0,-17-6 0,24 6 0,-25-3 0,9-4 0,-8 2 0,-6-5 0,8 2 0,-6-3 0,3 0 0,-1 0 0,-2 0 0,6 0 0,-7 0 0,10 0 0,-11 0 0,8 0 0,-6-3 0,2 2 0,-2-2 0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19:51:36.859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16171 0 16383,'-58'0'0,"7"0"0,16 0 0,3 0 0,-9 0 0,0 4 0,-2 2 0,-5 3 0,0-3 0,0 2 0,-1-2 0,1 3 0,0 1 0,-1 0 0,7-1 0,-5 1 0,10-1 0,-10 0 0,10-4 0,-10 4 0,9-8 0,-8 7 0,8-6 0,-8 2 0,8-4 0,-8 4 0,3-3 0,-5 8 0,5-8 0,-4 7 0,4-2 0,-5-1 0,0 4 0,-7-8 0,-8 8 0,11-8 0,-15 4 0,17 0 0,-13-4 0,1 4 0,-15-5 0,4 0 0,-12 0 0,7 0 0,-7 0 0,-2 0 0,36-1 0,-1 2 0,-44 4 0,45-5 0,-1 1 0,0 4 0,1 1 0,-46 1 0,15 0 0,29-2 0,0 1 0,-25 0 0,26 1 0,0-1 0,-41 0 0,13 4 0,8-9 0,-3 4 0,-14 1 0,18-4 0,-21 3 0,14-5 0,16 5 0,10-5 0,-2 1 0,-14 3 0,-26-4 0,34 0 0,0 0 0,-35 0 0,30 0 0,1 0 0,-31 0 0,27 0 0,10-3 0,2 0 0,7 1 0,-15-4 0,-4 0 0,-5 5 0,22-4 0,-1-1 0,-41-1 0,7-4 0,34 5 0,0 0 0,-44-6 0,13 1 0,30 5 0,0-1 0,-26-4 0,24 5 0,-2 0 0,-30-6 0,-6 6 0,6 1 0,-8 5 0,44-3 0,-1 0 0,-44 2 0,43-2 0,3 0 0,-24 3 0,16 1 0,0-2 0,-23-4 0,21 4 0,-1 1 0,-27-5 0,38 1 0,-1 2 0,-38 1 0,34-2 0,-1 0 0,-41 3 0,41 0 0,1 0 0,-42 0 0,41 0 0,1 0 0,-42 0 0,41 0 0,1 0 0,2 0 0,0 0 0,-3 0 0,-1 0 0,1 0 0,-1 0 0,-4 0 0,0 0 0,7 0 0,1 0 0,-8 0 0,2 0 0,6 0 0,0 0 0,1 0 0,-1 0 0,-1 0 0,-3 0 0,-20 0 0,-1 0 0,19 2 0,0 1 0,-27-3 0,2 2 0,29 3 0,3 0 0,-9-1 0,0-1 0,4 1 0,1-1 0,3 3 0,1-1 0,-3-1 0,-1-1 0,4 1 0,-1-1 0,-7 0 0,-2-1 0,0-1 0,0-2 0,0 1 0,0 0 0,-4 0 0,1 0 0,7 0 0,1 0 0,-4 0 0,0 0 0,0 0 0,0 0 0,4 0 0,-1 0 0,-7 0 0,-1 0 0,4 0 0,0 0 0,-5 0 0,1 0 0,-1 0 0,0 0 0,1 0 0,-1 0 0,5 0 0,0 0 0,1 0 0,0 0 0,4 0 0,1 0 0,-5 0 0,0 0 0,4 0 0,-1 0 0,-8 0 0,1 0 0,7 0 0,1 0 0,-9 0 0,1 0 0,7 0 0,1 0 0,-4 0 0,1 0 0,3 0 0,2 0 0,2 0 0,0 0 0,-2 0 0,-1 0 0,4 0 0,0 0 0,-4 1 0,-1-2 0,1-1 0,0-1 0,0 2 0,-1 0 0,0-4 0,1-1 0,3 3 0,1 0 0,0-4 0,1 1 0,-1 3 0,1 0 0,-39-7 0,40 6 0,-1 1 0,-36-8 0,-8-1 0,8 5 0,15-2 0,-28 2 0,48 1 0,-45-5 0,44 10 0,-16-9 0,7 4 0,0 1 0,6-4 0,2 8 0,5-8 0,1 8 0,0-8 0,-1 8 0,7-3 0,-5 4 0,4 0 0,-5 0 0,-1 0 0,7 0 0,0 0 0,7 0 0,-1 0 0,0 0 0,5 4 0,2 0 0,-1 5 0,4-1 0,-3 0 0,8 0 0,-2-3 0,7 1 0,-4-1 0,6-1 0,0-1 0</inkml:trace>
</inkml:ink>
</file>

<file path=ppt/ink/ink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19:51:44.751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1 279 16383,'53'0'0,"0"0"0,-23 0 0,6 0 0,6 0 0,-5 0 0,10 0 0,-10 0 0,9 0 0,-9 0 0,5 0 0,-7 0 0,1 0 0,-5 0 0,4 0 0,-5 0 0,6-4 0,-5 3 0,3-3 0,-3 4 0,5 0 0,-5 0 0,-2 0 0,1 0 0,-4 0 0,3 0 0,-4 0 0,4 0 0,-3 0 0,9 0 0,-9 0 0,8 0 0,-3 0 0,5 0 0,-1 0 0,-4 0 0,3 0 0,-8 0 0,4 0 0,0 0 0,-5 0 0,10 0 0,-9 0 0,8 0 0,-3 0 0,5 4 0,-5-3 0,3 3 0,-8-4 0,9 0 0,-10 0 0,10 0 0,-9 0 0,8 0 0,-3 0 0,0 3 0,3-2 0,-3 3 0,5-4 0,5 0 0,-4 0 0,5 0 0,-12 0 0,5 0 0,-4 0 0,4 0 0,-4 0 0,-1 0 0,-1 0 0,-3 0 0,4 0 0,-1 0 0,-3 0 0,9 0 0,-9 0 0,3 0 0,1 0 0,-4 0 0,8 0 0,-3 0 0,0 0 0,3 0 0,-8 0 0,9 0 0,-4 0 0,10 0 0,-4 0 0,4 0 0,-5 0 0,5 0 0,-4 0 0,10 0 0,-4 0 0,5 0 0,-5 0 0,4 0 0,-4 0 0,5 0 0,-6 0 0,-1 0 0,-5 0 0,0 0 0,-1 0 0,1 0 0,5 0 0,-4 0 0,5 0 0,-1 0 0,-4 0 0,10-4 0,-5 3 0,1-4 0,-1 1 0,-1 3 0,-4-3 0,4 4 0,-5 0 0,0-4 0,-5 3 0,3-2 0,-3 3 0,0 0 0,3 0 0,-3 0 0,4 0 0,7 0 0,-5 0 0,4 0 0,-5 0 0,-1 0 0,1 0 0,0 0 0,-1-4 0,-4 3 0,3-3 0,-8 0 0,14-1 0,-7 1 0,4 0 0,-8 4 0,1 0 0,-4 0 0,3 0 0,1 0 0,-5 0 0,10 0 0,-9 0 0,3 0 0,-4 0 0,5 0 0,-5 0 0,10 0 0,-4 0 0,4 0 0,1 0 0,0 0 0,-1 0 0,1-4 0,0 3 0,-5-3 0,3 0 0,-3-1 0,5 0 0,-1-3 0,1 4 0,0-1 0,0-3 0,5 7 0,15-8 0,1 8 0,13-9 0,-8 4 0,-6 0 0,12-3 0,-11 3 0,13-5 0,-8 1 0,0 0 0,1-1 0,-1-4 0,0 8 0,1-7 0,-1 9 0,0-6 0,23 0 0,-29 5 0,26-4 0,-32 9 0,13-4 0,-1 0 0,-6 4 0,5-3 0,-11 4 0,4 0 0,-6 0 0,1 0 0,12 0 0,-20 0 0,24 0 0,-25 0 0,20 0 0,-10 0 0,5 0 0,-7 0 0,1 0 0,-1 0 0,0 0 0,-5 4 0,4-3 0,-10 6 0,10-1 0,-10-1 0,10 3 0,-4-2 0,5-1 0,6 4 0,-4-8 0,11 8 0,-5-3 0,0 0 0,-2 3 0,-5-4 0,-1 1 0,-5 2 0,4-3 0,-10 0 0,-1-1 0,-2 0 0,-3-3 0,5 7 0,-5-7 0,3 7 0,-3-7 0,20 11 0,-6-10 0,8 10 0,-6-7 0,-4 5 0,0-5 0,4 4 0,-10-8 0,4 7 0,-6-7 0,1 3 0,0 0 0,0-3 0,-1 3 0,1-4 0,-5 3 0,4-2 0,-5 3 0,1-4 0,4 4 0,-4-3 0,10 3 0,-4-4 0,10 0 0,2 0 0,-5 0 0,16 0 0,-16 4 0,10-3 0,-5 4 0,-1-1 0,-5-3 0,4 3 0,-10-4 0,4 0 0,-10 0 0,-2 0 0,-4 0 0,-1 0 0,1 0 0,-5 0 0,4 0 0,-4 0 0,10 0 0,-5 0 0,5 0 0,-5 0 0,4 0 0,-3 0 0,-1 0 0,-5 0 0,-6 0 0,1 0 0,2 3 0,-3-2 0,2 2 0,0-3 0,1 0 0</inkml:trace>
</inkml:ink>
</file>

<file path=ppt/ink/ink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20:00:38.558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0 11 16383,'77'0'0,"18"0"0,-52 0 0,30 0 0,-22 0 0,11 0 0,0 0 0,1 0 0,-7 0 0,-2 0 0,-5-5 0,5 4 0,-9-3 0,14 4 0,-15 0 0,11 0 0,-7 0 0,7 0 0,-6 0 0,12 0 0,-11 0 0,5 0 0,-7 0 0,-5 0 0,-2 0 0,-10 0 0,-2 0 0,-4 0 0,-5 0 0,4 0 0,-8 0 0,0 0 0,4 0 0,-10 0 0,10 0 0,-2 0 0,-1 0 0,1 0 0,0 0 0,-5 0 0,6 0 0,0 0 0,2 0 0,3 0 0,6 0 0,1 0 0,4 0 0,1 0 0,0 0 0,5 0 0,-4 0 0,5 0 0,-7 0 0,1 0 0,-5 0 0,-2 4 0,-4 0 0,-5 1 0,4 2 0,-4-6 0,0 3 0,4-1 0,-8-2 0,8 3 0,-8-4 0,7 3 0,-2 2 0,3 0 0,1 2 0,4-6 0,-3 6 0,4-6 0,-1 7 0,-3-4 0,4 1 0,-10 2 0,4-2 0,-8-1 0,3-1 0,-4 1 0,0-3 0,3 5 0,0-5 0,1 2 0,-5-3 0,3 0 0,-2 0 0,3 0 0,-2 0 0,0 0 0,-3 0 0,5 0 0,-4 0 0,4 0 0,-2 0 0</inkml:trace>
</inkml:ink>
</file>

<file path=ppt/ink/ink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20:00:43.794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0 0 16383,'74'0'0,"3"0"0,-19 0 0,13 0 0,7 0 0,15 0 0,-11 0 0,-31 0 0,-1 0 0,30 0 0,13 0 0,-13 0 0,5 0 0,-7 0 0,7 0 0,-5 0 0,5 0 0,-20 0 0,34 0 0,-35 0 0,-13 0 0,-1 0 0,8 0 0,9 0 0,-4 0 0,-5 0 0,3 0 0,-19 0 0,5 5 0,-10 0 0,5 0 0,-7-1 0,1-4 0,-5 0 0,3 0 0,-3 0 0,0 0 0,4 0 0,-10 0 0,5 0 0,-5 0 0,-1 0 0,-4 0 0,4 0 0,1 0 0,1 0 0,3 0 0,1 0 0,1 0 0,0 0 0,3 0 0,2 0 0,2 0 0,3 0 0,-5-4 0,-6 3 0,0-3 0,-10 4 0,0 0 0,-9 0 0,5 0 0,-2 0 0,3 0 0,2 0 0,-5 0 0,7 0 0,-6 0 0,3 0 0,-3 0 0,2 0 0,-3 0 0,2 0 0</inkml:trace>
</inkml:ink>
</file>

<file path=ppt/ink/ink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20:00:56.069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0 80 16383,'83'0'0,"-9"0"0,1 0 0,-11 0 0,12 0 0,19 0 0,-34 0 0,7 0 0,-3 0 0,7 0 0,-5 0 0,9 0 0,1 0 0,-4 0 0,6 0 0,-5 0 0,3 0 0,0 0 0,-13 1 0,3-1 0,4-1 0,16-1 0,5-1 0,-6 0 0,3 2 0,0 0 0,-1-4 0,5-1 0,-6 1 0,-4 4 0,-1 0 0,-16-3 0,2-1 0,0 0 0,27 1 0,-2 0 0,-13 0 0,-2 0 0,4-3 0,-2 1 0,-12 5 0,0 1 0,8-4 0,0 1 0,-10 3 0,2 0 0,0 0 0,5 0 0,-3 0 0,9-1 0,1 2 0,-10 4 0,4 1 0,-5 2 0,5 2 0,-3 3 0,5 6 0,0 3 0,-7-1 0,-3-2 0,-13-5 0,-1 0 0,2 3 0,-3 0 0,16 1 0,5 5 0,-17-9 0,-8-4 0,-22-5 0,10-1 0,-1-4 0,22-5 0,15-1 0,14-5 0,-31 5 0,6-1 0,31-4 0,3 0 0,-20 6 0,2 0 0,-5-3 0,5-1 0,-5 3 0,4 5 0,-2 1 0,10-4 0,1 1 0,0 3 0,-4 0 0,-23 0 0,0 0 0,22 0 0,-4 0 0,-6 0 0,-6 0 0,1 0 0,2 0 0,13 0 0,13 6 0,-36-1 0,26 2 0,-17 2 0,-11-8 0,42 4 0,-33-5 0,31 0 0,-35 0 0,14 0 0,-14 0 0,12 0 0,-1 0 0,-8 0 0,0 0 0,-5 0 0,-3 0 0,-6 0 0,1 0 0,5 0 0,9 0 0,-10 0 0,13 0 0,-16 0 0,13 0 0,-7 0 0,4 0 0,-4 0 0,0 0 0,-1 0 0,-1 0 0,-10 0 0,3 0 0,-11 0 0,-5 0 0,-2 0 0,-4 0 0,-1 0 0,1 0 0,5 0 0,-5 0 0,10 4 0,-9 1 0,8 4 0,-3-1 0,0-3 0,-2 3 0,-4-7 0,-1 3 0,-3-1 0,-2-2 0,-4 2 0,4-3 0,2 0 0,3 0 0,1 4 0,-1-3 0,6 6 0,-4-6 0,3 7 0,-8-4 0,-2 1 0,-4 1 0,-1-2 0,0 3 0,-65-1 0,43-2 0,-50-2 0</inkml:trace>
</inkml:ink>
</file>

<file path=ppt/ink/ink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8-22T20:01:17.525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</inkml:brush>
  </inkml:definitions>
  <inkml:trace contextRef="#ctx0" brushRef="#br0">0 162 16383,'55'0'0,"-5"0"0,5 0 0,4 0 0,12 0 0,-8 0 0,-3 0 0,-4 0 0,6 0 0,-11 0 0,2 0 0,-16 0 0,4 0 0,-5 0 0,-1 0 0,1 0 0,6 0 0,-5 0 0,10 0 0,-10 0 0,10 0 0,-10 4 0,4-3 0,-5 3 0,-1-4 0,-4 4 0,-1-3 0,-6 2 0,1-3 0,-5 0 0,0 0 0,-1 4 0,-3-3 0,7 6 0,-2-2 0,8-1 0,-3 3 0,14-1 0,-8 2 0,15 2 0,-10-1 0,4 0 0,-10 0 0,3 0 0,-8-1 0,4-3 0,-10 2 0,4-7 0,-4 4 0,5-1 0,-1-2 0,6 3 0,0 0 0,1-3 0,4 3 0,-5-4 0,1 0 0,4 0 0,-9 0 0,3 0 0,-9 3 0,4-2 0,-8 6 0,8-6 0,-8 5 0,3-5 0,0 6 0,-3-6 0,3 3 0,-4-4 0,0 0 0,5 0 0,-4 0 0,7 0 0,-3 0 0,5 0 0,0 0 0,-1 0 0,6 0 0,-4 0 0,8 0 0,-3 0 0,0 0 0,3 0 0,-8 0 0,4 0 0,-6 0 0,6 0 0,-4 0 0,8 0 0,3 0 0,12 0 0,0 0 0,6-5 0,-7 4 0,7-8 0,1 8 0,0-8 0,-1 8 0,-13-7 0,0 7 0,-7-3 0,-4 4 0,-1 0 0,-6 0 0,6 0 0,1 0 0,4 0 0,1 0 0,0-4 0,0-1 0,5 0 0,-4-3 0,4 3 0,-5-4 0,0 0 0,-1 0 0,7 0 0,-5 4 0,4-3 0,0-2 0,2 0 0,0-4 0,4 5 0,-10 0 0,4-1 0,-5 2 0,0-1 0,-6 0 0,0 4 0,-5 1 0,-1 1 0,6 2 0,6-3 0,-8 4 0,11 0 0,-12 0 0,8 0 0,1 0 0,0 0 0,0 0 0,-6 0 0,0 4 0,-6-3 0,-3 2 0,-2 1 0,-4-3 0,0 2 0,0-3 0,7 0 0,-6 0 0,10 0 0,-6 0 0,5 0 0,5 0 0,-5 0 0,5 0 0,0 0 0,-5 0 0,5 0 0,-5 0 0,-1-4 0,-3 3 0,2-6 0,-3 2 0,1-2 0,2 2 0,-2-2 0,-1 3 0,4-1 0,-8-1 0,7 5 0,-7-6 0,3 3 0,-1 0 0,-2-3 0,2 6 0,-3-2 0,0 0 0,3 2 0,-3-2 0,2 3 0,-3-3 0,2 2 0,-2-2 0,3 3 0,2 0 0,-3 0 0,7 0 0,-6 0 0,6-4 0,-7 3 0,8-2 0,-8-1 0,-1 4 0,2-7 0,-5 7 0,6-7 0,-1 7 0,-3-3 0,3 3 0,-1 0 0,-2 0 0,3 0 0,-2 0 0,0 0 0,6 0 0,-4 0 0,5 0 0,-5 0 0,-1 0 0,5 0 0,-9-3 0,5 2 0,-3-5 0,1 5 0,4-2 0,-5 3 0,2 0 0,0 0 0,-2 0 0,6 0 0,-2 0 0,-3 0 0,2 0 0,-4 3 0,3-2 0,0 2 0,0-3 0,-4 0 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23.08.2021</a:t>
            </a:r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23.08.2021</a:t>
            </a:r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4ffcb4a6-9ad4-4f71-a114-950553658a21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530895af-5e08-405b-af06-ff4f9db9d1f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3. august 2021</a:t>
            </a:r>
          </a:p>
        </p:txBody>
      </p:sp>
      <p:sp>
        <p:nvSpPr>
          <p:cNvPr id="7" name="text" descr="{&quot;templafy&quot;:{&quot;id&quot;:&quot;8e8191b7-b034-4bbc-bb97-4258dbc872ae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Dynamic detection of vulnerability exploitation in Windows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customXml" Target="../ink/ink3.xml"/><Relationship Id="rId3" Type="http://schemas.openxmlformats.org/officeDocument/2006/relationships/image" Target="../media/image11.png"/><Relationship Id="rId7" Type="http://schemas.openxmlformats.org/officeDocument/2006/relationships/image" Target="../media/image13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Relationship Id="rId6" Type="http://schemas.openxmlformats.org/officeDocument/2006/relationships/customXml" Target="../ink/ink2.xml"/><Relationship Id="rId5" Type="http://schemas.openxmlformats.org/officeDocument/2006/relationships/image" Target="../media/image12.png"/><Relationship Id="rId4" Type="http://schemas.openxmlformats.org/officeDocument/2006/relationships/customXml" Target="../ink/ink1.xml"/><Relationship Id="rId9" Type="http://schemas.openxmlformats.org/officeDocument/2006/relationships/image" Target="../media/image14.png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customXml" Target="../ink/ink4.xml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8.png"/><Relationship Id="rId5" Type="http://schemas.openxmlformats.org/officeDocument/2006/relationships/customXml" Target="../ink/ink5.xml"/><Relationship Id="rId4" Type="http://schemas.openxmlformats.org/officeDocument/2006/relationships/image" Target="../media/image17.png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customXml" Target="../ink/ink6.xml"/><Relationship Id="rId7" Type="http://schemas.openxmlformats.org/officeDocument/2006/relationships/customXml" Target="../ink/ink8.xml"/><Relationship Id="rId12" Type="http://schemas.openxmlformats.org/officeDocument/2006/relationships/image" Target="../media/image25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2.png"/><Relationship Id="rId11" Type="http://schemas.openxmlformats.org/officeDocument/2006/relationships/customXml" Target="../ink/ink10.xml"/><Relationship Id="rId5" Type="http://schemas.openxmlformats.org/officeDocument/2006/relationships/customXml" Target="../ink/ink7.xml"/><Relationship Id="rId10" Type="http://schemas.openxmlformats.org/officeDocument/2006/relationships/image" Target="../media/image24.png"/><Relationship Id="rId4" Type="http://schemas.openxmlformats.org/officeDocument/2006/relationships/image" Target="../media/image21.png"/><Relationship Id="rId9" Type="http://schemas.openxmlformats.org/officeDocument/2006/relationships/customXml" Target="../ink/ink9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3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4" Type="http://schemas.openxmlformats.org/officeDocument/2006/relationships/image" Target="../media/image27.png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3.xml"/></Relationships>
</file>

<file path=ppt/slides/_rels/slide2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3" Type="http://schemas.openxmlformats.org/officeDocument/2006/relationships/customXml" Target="../ink/ink11.xml"/><Relationship Id="rId7" Type="http://schemas.openxmlformats.org/officeDocument/2006/relationships/customXml" Target="../ink/ink13.xml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2.png"/><Relationship Id="rId5" Type="http://schemas.openxmlformats.org/officeDocument/2006/relationships/customXml" Target="../ink/ink12.xml"/><Relationship Id="rId4" Type="http://schemas.openxmlformats.org/officeDocument/2006/relationships/image" Target="../media/image31.png"/><Relationship Id="rId9" Type="http://schemas.openxmlformats.org/officeDocument/2006/relationships/image" Target="../media/image34.png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customXml" Target="../ink/ink14.xml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8.png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video" Target="../media/media2.mp4"/><Relationship Id="rId1" Type="http://schemas.microsoft.com/office/2007/relationships/media" Target="../media/media2.mp4"/><Relationship Id="rId4" Type="http://schemas.openxmlformats.org/officeDocument/2006/relationships/image" Target="../media/image39.png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0827445-9BE4-694A-B03D-DA9E9D45AC9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a-DK"/>
              <a:t>23.08.2021</a:t>
            </a:r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B20F48-B68E-E342-8B97-BEA8283AB1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nction hook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BBF829F-AA1D-084C-9BE4-5A403F6CA03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4762608" cy="4545578"/>
          </a:xfrm>
        </p:spPr>
        <p:txBody>
          <a:bodyPr/>
          <a:lstStyle/>
          <a:p>
            <a:r>
              <a:rPr lang="en-US" sz="2000" dirty="0"/>
              <a:t>Also known as API hooking, method hooking, binary hooking</a:t>
            </a:r>
          </a:p>
          <a:p>
            <a:r>
              <a:rPr lang="en-US" sz="2000" dirty="0"/>
              <a:t>Used to intercept or redirect function calls</a:t>
            </a:r>
          </a:p>
          <a:p>
            <a:r>
              <a:rPr lang="en-US" sz="2000" dirty="0"/>
              <a:t>Simply in theory – hard in practice</a:t>
            </a:r>
          </a:p>
          <a:p>
            <a:endParaRPr lang="en-US" sz="2000" dirty="0"/>
          </a:p>
          <a:p>
            <a:endParaRPr lang="en-US" sz="2000" dirty="0"/>
          </a:p>
          <a:p>
            <a:endParaRPr lang="en-US" sz="2000" dirty="0"/>
          </a:p>
          <a:p>
            <a:endParaRPr lang="en-US" sz="2000" dirty="0"/>
          </a:p>
          <a:p>
            <a:r>
              <a:rPr lang="en-US" sz="2000" dirty="0"/>
              <a:t>Requires knowledge of assembly</a:t>
            </a:r>
          </a:p>
          <a:p>
            <a:r>
              <a:rPr lang="en-US" sz="2000" dirty="0"/>
              <a:t>We simply redirect execution using the PUSH and RET instruction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C1C28EE-69E8-7341-BB22-1D7B2B38DC7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2E35384D-AD60-F44D-96B9-B19EAEAD54F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247334" y="1268760"/>
            <a:ext cx="4127392" cy="310407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0F627570-B4D6-4048-9CEC-DF441E536F0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37408" y="4797152"/>
            <a:ext cx="5375126" cy="11599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0765260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89EA91-6869-324D-9919-874F455BBE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nction hooking in practic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2F0263D-A416-9240-959B-99E47D7788D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5472534" cy="4545578"/>
          </a:xfrm>
        </p:spPr>
        <p:txBody>
          <a:bodyPr/>
          <a:lstStyle/>
          <a:p>
            <a:r>
              <a:rPr lang="en-US" sz="2000" dirty="0"/>
              <a:t>Very complex</a:t>
            </a:r>
          </a:p>
          <a:p>
            <a:r>
              <a:rPr lang="en-US" sz="2000" dirty="0"/>
              <a:t>Error-prone</a:t>
            </a:r>
          </a:p>
          <a:p>
            <a:pPr lvl="1"/>
            <a:r>
              <a:rPr lang="en-US" sz="2000" dirty="0"/>
              <a:t>Error in kernel space will lead to </a:t>
            </a:r>
            <a:r>
              <a:rPr lang="en-US" sz="2000" dirty="0" err="1"/>
              <a:t>BSoD</a:t>
            </a:r>
            <a:endParaRPr lang="en-US" sz="2000" dirty="0"/>
          </a:p>
          <a:p>
            <a:r>
              <a:rPr lang="en-US" sz="2000" dirty="0"/>
              <a:t>Windows security features makes function hooking in the kernel difficult</a:t>
            </a:r>
          </a:p>
          <a:p>
            <a:pPr lvl="1"/>
            <a:r>
              <a:rPr lang="en-US" sz="2000" dirty="0"/>
              <a:t>Data Execution Prevention (DEP)</a:t>
            </a:r>
          </a:p>
          <a:p>
            <a:pPr lvl="1"/>
            <a:r>
              <a:rPr lang="en-US" sz="2000" dirty="0"/>
              <a:t>Hypervisor-protected code integrity (HVCI)</a:t>
            </a:r>
          </a:p>
          <a:p>
            <a:pPr lvl="1"/>
            <a:r>
              <a:rPr lang="en-US" sz="2000" dirty="0"/>
              <a:t>Control Flow Guard (CFG)</a:t>
            </a:r>
          </a:p>
          <a:p>
            <a:endParaRPr lang="en-US" sz="2000" dirty="0"/>
          </a:p>
          <a:p>
            <a:r>
              <a:rPr lang="en-US" sz="2000" dirty="0"/>
              <a:t>Simple example - Would only work once</a:t>
            </a:r>
          </a:p>
          <a:p>
            <a:r>
              <a:rPr lang="en-US" sz="2000" dirty="0"/>
              <a:t>Hooking in production should be resilien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167785-D4D2-2A42-AF1E-FAA221DC4EA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8364228-68F8-1249-ABFF-581725B3D63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352739" y="1196752"/>
            <a:ext cx="4153711" cy="5151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6667230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E3BCD4-F38B-9540-9B5A-AF5F5E691D7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Vulnerability analysis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849DB52-8A53-B045-94D3-9EB31D414E7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Vulnerability analysis of CVE-2021-24086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0BC0100-2B45-6140-8F89-AFB5377B471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4254158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743D97-BAAA-0244-B3B5-0CC067182E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How to analyze a vulnerability in Window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1BBA74E-E6E1-1A4D-ADC3-18307898853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/>
              <a:t>Public information</a:t>
            </a:r>
          </a:p>
          <a:p>
            <a:pPr lvl="1"/>
            <a:r>
              <a:rPr lang="en-US" sz="2000" dirty="0"/>
              <a:t>Vulnerability lies within the handling of fragmented packets in IPv6</a:t>
            </a:r>
          </a:p>
          <a:p>
            <a:pPr lvl="1"/>
            <a:r>
              <a:rPr lang="en-US" sz="2000" dirty="0" err="1"/>
              <a:t>tcpip.sys</a:t>
            </a:r>
            <a:r>
              <a:rPr lang="en-US" sz="2000" dirty="0"/>
              <a:t> driver handles IPv6 fragmentation</a:t>
            </a:r>
          </a:p>
          <a:p>
            <a:pPr lvl="1"/>
            <a:r>
              <a:rPr lang="en-US" sz="2000" dirty="0"/>
              <a:t>Root cause is a NULL pointer dereference in </a:t>
            </a:r>
            <a:r>
              <a:rPr lang="en-US" sz="2000" i="1" dirty="0"/>
              <a:t>Ipv6pReassembleDatagram</a:t>
            </a:r>
          </a:p>
          <a:p>
            <a:pPr lvl="1"/>
            <a:r>
              <a:rPr lang="en-US" sz="2000" dirty="0"/>
              <a:t>The reassembled packet should contain around 0xFFFF (65535) bytes of extension headers</a:t>
            </a:r>
          </a:p>
          <a:p>
            <a:r>
              <a:rPr lang="en-US" sz="2000" dirty="0"/>
              <a:t>Public symbols</a:t>
            </a:r>
          </a:p>
          <a:p>
            <a:r>
              <a:rPr lang="en-US" sz="2000" dirty="0"/>
              <a:t>Binary diffing</a:t>
            </a:r>
          </a:p>
          <a:p>
            <a:pPr lvl="1"/>
            <a:r>
              <a:rPr lang="en-US" sz="2000" dirty="0"/>
              <a:t>Compare two versions of the same binary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D1D3639-9DF1-714B-82FC-8682410488B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454662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F3960D-90C6-4D4B-BE3D-D93B40CF711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Analyzing chang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8FDF283-4EC0-2848-992A-48C0E7EF00E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/>
              <a:t>Changes to</a:t>
            </a:r>
          </a:p>
          <a:p>
            <a:pPr lvl="1"/>
            <a:r>
              <a:rPr lang="en-US" sz="2000" dirty="0"/>
              <a:t>Ipv6pReceiveFragment</a:t>
            </a:r>
            <a:endParaRPr lang="en-US" sz="2000" b="1" dirty="0"/>
          </a:p>
          <a:p>
            <a:pPr lvl="1"/>
            <a:r>
              <a:rPr lang="en-US" sz="2000" b="1" dirty="0"/>
              <a:t>Ipv6pReassembleDatagram</a:t>
            </a:r>
          </a:p>
          <a:p>
            <a:pPr lvl="1"/>
            <a:endParaRPr lang="en-US" sz="2000" b="1" dirty="0"/>
          </a:p>
          <a:p>
            <a:pPr lvl="1"/>
            <a:endParaRPr lang="en-US" sz="2000" b="1" dirty="0"/>
          </a:p>
          <a:p>
            <a:pPr lvl="1"/>
            <a:endParaRPr lang="en-US" sz="2000" dirty="0"/>
          </a:p>
          <a:p>
            <a:pPr lvl="1"/>
            <a:endParaRPr lang="en-US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88D9C0D-2A5E-2B47-B9A1-94527190345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4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8D091FA-0274-DB4E-8403-7C2CCCAAE33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66831" y="3467183"/>
            <a:ext cx="8528163" cy="17760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7669882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3AB589-90DD-5F40-B91F-4532F4E41B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Analyzing changes</a:t>
            </a:r>
          </a:p>
        </p:txBody>
      </p:sp>
      <p:pic>
        <p:nvPicPr>
          <p:cNvPr id="6" name="Content Placeholder 5" descr="Chart&#10;&#10;Description automatically generated">
            <a:extLst>
              <a:ext uri="{FF2B5EF4-FFF2-40B4-BE49-F238E27FC236}">
                <a16:creationId xmlns:a16="http://schemas.microsoft.com/office/drawing/2014/main" id="{0B562BAE-F6D3-914F-BD4E-6CC4694352D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78782" y="1371385"/>
            <a:ext cx="7632848" cy="5060488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420C700-3DF9-2948-B8AD-E2EBB61409C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5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E8F4BCB-9F18-8944-ADE4-2148726A3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37036" y="2348880"/>
            <a:ext cx="6116340" cy="26212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39575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B604A0-A878-0146-9F59-F3B50A5C07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IPv6 fragmentation prim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24204B9-E52B-FB4B-9CED-187C0FB67C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/>
              <a:t>Packets can be fragmented if </a:t>
            </a:r>
            <a:r>
              <a:rPr lang="en-US" sz="2000" i="1" dirty="0" err="1"/>
              <a:t>packetSize</a:t>
            </a:r>
            <a:r>
              <a:rPr lang="en-US" sz="2000" i="1" dirty="0"/>
              <a:t> &gt; Maximum Transmission Unit (MTU)</a:t>
            </a:r>
          </a:p>
          <a:p>
            <a:pPr lvl="1"/>
            <a:r>
              <a:rPr lang="en-US" sz="2000" dirty="0"/>
              <a:t>MTU is 1500 on most desktop computers running Windows</a:t>
            </a:r>
          </a:p>
          <a:p>
            <a:r>
              <a:rPr lang="en-US" sz="2000" dirty="0"/>
              <a:t>Each fragment must be decorated with an IPv6 fragment header</a:t>
            </a:r>
          </a:p>
          <a:p>
            <a:r>
              <a:rPr lang="en-US" sz="2000" dirty="0"/>
              <a:t>IPv6 has several headers</a:t>
            </a:r>
          </a:p>
          <a:p>
            <a:pPr lvl="1"/>
            <a:r>
              <a:rPr lang="en-US" sz="2000" dirty="0"/>
              <a:t>Hop-by-hop options</a:t>
            </a:r>
          </a:p>
          <a:p>
            <a:pPr lvl="1"/>
            <a:r>
              <a:rPr lang="en-US" sz="2000" b="1" dirty="0"/>
              <a:t>Fragment</a:t>
            </a:r>
          </a:p>
          <a:p>
            <a:pPr lvl="1"/>
            <a:r>
              <a:rPr lang="en-US" sz="2000" b="1" dirty="0"/>
              <a:t>Destination options</a:t>
            </a:r>
          </a:p>
          <a:p>
            <a:pPr lvl="1"/>
            <a:r>
              <a:rPr lang="en-US" sz="2000" dirty="0"/>
              <a:t>Routing</a:t>
            </a:r>
          </a:p>
          <a:p>
            <a:pPr lvl="1"/>
            <a:r>
              <a:rPr lang="en-US" sz="2000" dirty="0"/>
              <a:t>Authentication</a:t>
            </a:r>
          </a:p>
          <a:p>
            <a:pPr lvl="1"/>
            <a:r>
              <a:rPr lang="en-US" sz="2000" dirty="0"/>
              <a:t>Encapsulating Security Payloa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46D9F0A-5D90-0A47-BF79-78F38DAE495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1639083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5BC0B63-3F36-5F49-8FAF-AB682F0B6A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IPv6 extension header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5BCAE99-4504-844B-A8C9-07490D08450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D23A58-FC24-004F-A85B-7B6A5A8881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7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EC886D0-D476-6747-83B2-8B2F891F7D7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556790"/>
            <a:ext cx="6039580" cy="454557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2C5FB01-F59A-2F43-853C-080DC0C7AEE6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1283"/>
          <a:stretch/>
        </p:blipFill>
        <p:spPr>
          <a:xfrm>
            <a:off x="5951190" y="1706400"/>
            <a:ext cx="5771560" cy="3480305"/>
          </a:xfrm>
          <a:prstGeom prst="rect">
            <a:avLst/>
          </a:prstGeom>
        </p:spPr>
      </p:pic>
      <mc:AlternateContent xmlns:mc="http://schemas.openxmlformats.org/markup-compatibility/2006">
        <mc:Choice xmlns:p14="http://schemas.microsoft.com/office/powerpoint/2010/main" Requires="p14">
          <p:contentPart p14:bwMode="auto" r:id="rId4">
            <p14:nvContentPartPr>
              <p14:cNvPr id="7" name="Ink 6">
                <a:extLst>
                  <a:ext uri="{FF2B5EF4-FFF2-40B4-BE49-F238E27FC236}">
                    <a16:creationId xmlns:a16="http://schemas.microsoft.com/office/drawing/2014/main" id="{2957D03A-0DF0-9043-BCDD-1EF762C36F93}"/>
                  </a:ext>
                </a:extLst>
              </p14:cNvPr>
              <p14:cNvContentPartPr/>
              <p14:nvPr/>
            </p14:nvContentPartPr>
            <p14:xfrm>
              <a:off x="6040210" y="4783431"/>
              <a:ext cx="936000" cy="36000"/>
            </p14:xfrm>
          </p:contentPart>
        </mc:Choice>
        <mc:Fallback>
          <p:pic>
            <p:nvPicPr>
              <p:cNvPr id="7" name="Ink 6">
                <a:extLst>
                  <a:ext uri="{FF2B5EF4-FFF2-40B4-BE49-F238E27FC236}">
                    <a16:creationId xmlns:a16="http://schemas.microsoft.com/office/drawing/2014/main" id="{2957D03A-0DF0-9043-BCDD-1EF762C36F93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5986570" y="4675431"/>
                <a:ext cx="1043640" cy="2516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6">
            <p14:nvContentPartPr>
              <p14:cNvPr id="9" name="Ink 8">
                <a:extLst>
                  <a:ext uri="{FF2B5EF4-FFF2-40B4-BE49-F238E27FC236}">
                    <a16:creationId xmlns:a16="http://schemas.microsoft.com/office/drawing/2014/main" id="{C4ED3FEF-96F6-6949-8BD3-E75580B887C1}"/>
                  </a:ext>
                </a:extLst>
              </p14:cNvPr>
              <p14:cNvContentPartPr/>
              <p14:nvPr/>
            </p14:nvContentPartPr>
            <p14:xfrm>
              <a:off x="214690" y="5837871"/>
              <a:ext cx="449280" cy="29880"/>
            </p14:xfrm>
          </p:contentPart>
        </mc:Choice>
        <mc:Fallback>
          <p:pic>
            <p:nvPicPr>
              <p:cNvPr id="9" name="Ink 8">
                <a:extLst>
                  <a:ext uri="{FF2B5EF4-FFF2-40B4-BE49-F238E27FC236}">
                    <a16:creationId xmlns:a16="http://schemas.microsoft.com/office/drawing/2014/main" id="{C4ED3FEF-96F6-6949-8BD3-E75580B887C1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160690" y="5730231"/>
                <a:ext cx="556920" cy="2455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8">
            <p14:nvContentPartPr>
              <p14:cNvPr id="10" name="Ink 9">
                <a:extLst>
                  <a:ext uri="{FF2B5EF4-FFF2-40B4-BE49-F238E27FC236}">
                    <a16:creationId xmlns:a16="http://schemas.microsoft.com/office/drawing/2014/main" id="{4E5F05AC-3757-BE43-A430-BF9F64476952}"/>
                  </a:ext>
                </a:extLst>
              </p14:cNvPr>
              <p14:cNvContentPartPr/>
              <p14:nvPr/>
            </p14:nvContentPartPr>
            <p14:xfrm>
              <a:off x="217210" y="5457351"/>
              <a:ext cx="847440" cy="46440"/>
            </p14:xfrm>
          </p:contentPart>
        </mc:Choice>
        <mc:Fallback>
          <p:pic>
            <p:nvPicPr>
              <p:cNvPr id="10" name="Ink 9">
                <a:extLst>
                  <a:ext uri="{FF2B5EF4-FFF2-40B4-BE49-F238E27FC236}">
                    <a16:creationId xmlns:a16="http://schemas.microsoft.com/office/drawing/2014/main" id="{4E5F05AC-3757-BE43-A430-BF9F64476952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163210" y="5349711"/>
                <a:ext cx="955080" cy="26208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35589386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57F0DD-0D4B-484D-A347-6FD6718249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Fragmentation and reassembly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218AAEFF-D395-F940-A700-E11E0C68303A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558256" y="1700808"/>
            <a:ext cx="7073900" cy="3962400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BBD5AAD-2B1B-A34B-9B26-632E58B6608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4745003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F324A2-96F7-5249-85F9-FE525A4873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Root cause analysi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BDA5B27-927B-564E-B735-38B1E488CCA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b="1" dirty="0"/>
              <a:t>What we know</a:t>
            </a:r>
          </a:p>
          <a:p>
            <a:pPr lvl="1"/>
            <a:r>
              <a:rPr lang="en-US" sz="2000" dirty="0"/>
              <a:t>The packet should contain around 0xFFFF bytes of extension headers</a:t>
            </a:r>
          </a:p>
          <a:p>
            <a:pPr lvl="1"/>
            <a:r>
              <a:rPr lang="en-US" sz="2000" dirty="0"/>
              <a:t>Extension headers can be present in both unfragmentable and fragmentable part of the packet</a:t>
            </a:r>
          </a:p>
          <a:p>
            <a:pPr lvl="1"/>
            <a:r>
              <a:rPr lang="en-US" sz="2000" dirty="0"/>
              <a:t>The Destination Options header is a good candidate for adding arbitrary data</a:t>
            </a:r>
          </a:p>
          <a:p>
            <a:pPr lvl="1"/>
            <a:r>
              <a:rPr lang="en-US" sz="2000" dirty="0"/>
              <a:t>The Fragment extension header can be used to create a trigger packet</a:t>
            </a:r>
          </a:p>
          <a:p>
            <a:pPr lvl="1"/>
            <a:endParaRPr lang="en-US" sz="2000" dirty="0"/>
          </a:p>
          <a:p>
            <a:r>
              <a:rPr lang="en-US" sz="2000" dirty="0"/>
              <a:t>Next step – Constructing a </a:t>
            </a:r>
            <a:r>
              <a:rPr lang="en-US" sz="2000" dirty="0" err="1"/>
              <a:t>PoC</a:t>
            </a:r>
            <a:endParaRPr lang="en-US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F515386-F3DE-7B41-84B2-4E3184700BA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848953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6000" dirty="0"/>
              <a:t>Dynamic </a:t>
            </a:r>
            <a:r>
              <a:rPr lang="da-DK" sz="6000" dirty="0" err="1"/>
              <a:t>Detection</a:t>
            </a:r>
            <a:r>
              <a:rPr lang="da-DK" sz="6000" dirty="0"/>
              <a:t> of </a:t>
            </a:r>
            <a:r>
              <a:rPr lang="da-DK" sz="6000" dirty="0" err="1"/>
              <a:t>Vulnerability</a:t>
            </a:r>
            <a:r>
              <a:rPr lang="da-DK" sz="6000" dirty="0"/>
              <a:t> </a:t>
            </a:r>
            <a:r>
              <a:rPr lang="da-DK" sz="6000" dirty="0" err="1"/>
              <a:t>Exploitation</a:t>
            </a:r>
            <a:r>
              <a:rPr lang="da-DK" sz="6000" dirty="0"/>
              <a:t> in Window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Dynamisk </a:t>
            </a:r>
            <a:r>
              <a:rPr lang="da-DK" dirty="0" err="1"/>
              <a:t>detektion</a:t>
            </a:r>
            <a:r>
              <a:rPr lang="da-DK" dirty="0"/>
              <a:t> af udnyttelse af sårbarheder i Window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55538B2-3233-634A-B2BB-C13ADBEE62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Root cause analysi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A6C8815-1428-DD4E-A68E-5CB723EE60B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6696670" cy="4545578"/>
          </a:xfrm>
        </p:spPr>
        <p:txBody>
          <a:bodyPr/>
          <a:lstStyle/>
          <a:p>
            <a:r>
              <a:rPr lang="en-US" sz="2000" dirty="0"/>
              <a:t>Ipv6pReceiveFragment </a:t>
            </a:r>
            <a:r>
              <a:rPr lang="en-US" sz="2000" dirty="0">
                <a:sym typeface="Wingdings" pitchFamily="2" charset="2"/>
              </a:rPr>
              <a:t> Ipv6pReassembleDatagram</a:t>
            </a:r>
          </a:p>
          <a:p>
            <a:endParaRPr lang="en-US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F9BAEE2-7529-CF4B-A1E1-0D2332C5A34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0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1F19478-C603-1048-AB87-9A785272593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86894" y="2407909"/>
            <a:ext cx="6755037" cy="2743691"/>
          </a:xfrm>
          <a:prstGeom prst="rect">
            <a:avLst/>
          </a:prstGeom>
        </p:spPr>
      </p:pic>
      <mc:AlternateContent xmlns:mc="http://schemas.openxmlformats.org/markup-compatibility/2006">
        <mc:Choice xmlns:p14="http://schemas.microsoft.com/office/powerpoint/2010/main" Requires="p14">
          <p:contentPart p14:bwMode="auto" r:id="rId3">
            <p14:nvContentPartPr>
              <p14:cNvPr id="7" name="Ink 6">
                <a:extLst>
                  <a:ext uri="{FF2B5EF4-FFF2-40B4-BE49-F238E27FC236}">
                    <a16:creationId xmlns:a16="http://schemas.microsoft.com/office/drawing/2014/main" id="{DF98A723-F246-504B-A6A3-1E48939136A0}"/>
                  </a:ext>
                </a:extLst>
              </p14:cNvPr>
              <p14:cNvContentPartPr/>
              <p14:nvPr/>
            </p14:nvContentPartPr>
            <p14:xfrm>
              <a:off x="3646935" y="3823189"/>
              <a:ext cx="5821560" cy="111960"/>
            </p14:xfrm>
          </p:contentPart>
        </mc:Choice>
        <mc:Fallback>
          <p:pic>
            <p:nvPicPr>
              <p:cNvPr id="7" name="Ink 6">
                <a:extLst>
                  <a:ext uri="{FF2B5EF4-FFF2-40B4-BE49-F238E27FC236}">
                    <a16:creationId xmlns:a16="http://schemas.microsoft.com/office/drawing/2014/main" id="{DF98A723-F246-504B-A6A3-1E48939136A0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3593295" y="3715189"/>
                <a:ext cx="5929200" cy="3276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5">
            <p14:nvContentPartPr>
              <p14:cNvPr id="8" name="Ink 7">
                <a:extLst>
                  <a:ext uri="{FF2B5EF4-FFF2-40B4-BE49-F238E27FC236}">
                    <a16:creationId xmlns:a16="http://schemas.microsoft.com/office/drawing/2014/main" id="{C93C46FA-0B99-7E4A-AE1F-B427F3672080}"/>
                  </a:ext>
                </a:extLst>
              </p14:cNvPr>
              <p14:cNvContentPartPr/>
              <p14:nvPr/>
            </p14:nvContentPartPr>
            <p14:xfrm>
              <a:off x="4057695" y="3945949"/>
              <a:ext cx="4021920" cy="103320"/>
            </p14:xfrm>
          </p:contentPart>
        </mc:Choice>
        <mc:Fallback>
          <p:pic>
            <p:nvPicPr>
              <p:cNvPr id="8" name="Ink 7">
                <a:extLst>
                  <a:ext uri="{FF2B5EF4-FFF2-40B4-BE49-F238E27FC236}">
                    <a16:creationId xmlns:a16="http://schemas.microsoft.com/office/drawing/2014/main" id="{C93C46FA-0B99-7E4A-AE1F-B427F3672080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4004055" y="3838309"/>
                <a:ext cx="4129560" cy="31896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32643663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86D15D6-EA9F-674D-9803-0C8B25778F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Root cause analysi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B939E19-F3AC-F74C-9B86-0993B71F879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Calculation of different </a:t>
            </a:r>
            <a:r>
              <a:rPr lang="en-US" dirty="0" err="1"/>
              <a:t>lenghts</a:t>
            </a:r>
            <a:endParaRPr lang="en-US" dirty="0"/>
          </a:p>
          <a:p>
            <a:pPr lvl="1"/>
            <a:r>
              <a:rPr lang="en-US" dirty="0"/>
              <a:t>length (</a:t>
            </a:r>
            <a:r>
              <a:rPr lang="en-US" dirty="0" err="1"/>
              <a:t>PacketSize</a:t>
            </a:r>
            <a:r>
              <a:rPr lang="en-US" dirty="0"/>
              <a:t>) </a:t>
            </a:r>
            <a:r>
              <a:rPr lang="en-US" dirty="0">
                <a:sym typeface="Wingdings" pitchFamily="2" charset="2"/>
              </a:rPr>
              <a:t> Used for check</a:t>
            </a:r>
            <a:endParaRPr lang="en-US" dirty="0"/>
          </a:p>
          <a:p>
            <a:pPr lvl="1"/>
            <a:r>
              <a:rPr lang="en-US" dirty="0" err="1"/>
              <a:t>BytesNeeded</a:t>
            </a:r>
            <a:r>
              <a:rPr lang="en-US" dirty="0"/>
              <a:t> </a:t>
            </a:r>
            <a:r>
              <a:rPr lang="en-US" dirty="0">
                <a:sym typeface="Wingdings" pitchFamily="2" charset="2"/>
              </a:rPr>
              <a:t> Used later for a memory allocation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3F9139C-EB8F-1D47-BB58-FD38DB1570A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1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B491F880-6AD9-6246-BFF3-3440DA79323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39022" y="2647146"/>
            <a:ext cx="6659984" cy="31440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413125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A91C9C9-8388-9C46-9661-64CC1D7AD2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Root cause analysi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B44DE9F-CEE0-BE45-8856-11DB45EF831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3024262" cy="4545578"/>
          </a:xfrm>
        </p:spPr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sz="2000" i="1" dirty="0" err="1"/>
              <a:t>NetBufferList</a:t>
            </a:r>
            <a:r>
              <a:rPr lang="en-US" sz="2000" dirty="0"/>
              <a:t> is retrieved and checked for validity</a:t>
            </a:r>
          </a:p>
          <a:p>
            <a:pPr marL="457200" indent="-457200">
              <a:buFont typeface="+mj-lt"/>
              <a:buAutoNum type="arabicPeriod"/>
            </a:pPr>
            <a:r>
              <a:rPr lang="en-US" sz="2000" dirty="0"/>
              <a:t>The first </a:t>
            </a:r>
            <a:r>
              <a:rPr lang="en-US" sz="2000" i="1" dirty="0" err="1"/>
              <a:t>NetBuffer</a:t>
            </a:r>
            <a:r>
              <a:rPr lang="en-US" sz="2000" dirty="0"/>
              <a:t> is retrieved</a:t>
            </a:r>
          </a:p>
          <a:p>
            <a:pPr marL="457200" indent="-457200">
              <a:buFont typeface="+mj-lt"/>
              <a:buAutoNum type="arabicPeriod"/>
            </a:pPr>
            <a:r>
              <a:rPr lang="en-US" sz="2000" i="1" dirty="0" err="1"/>
              <a:t>NdisGetDataBuffe</a:t>
            </a:r>
            <a:r>
              <a:rPr lang="en-US" sz="2000" dirty="0" err="1"/>
              <a:t>r</a:t>
            </a:r>
            <a:r>
              <a:rPr lang="en-US" sz="2000" dirty="0"/>
              <a:t> is used to retrieve a buffer</a:t>
            </a:r>
          </a:p>
          <a:p>
            <a:pPr marL="457200" indent="-457200">
              <a:buFont typeface="+mj-lt"/>
              <a:buAutoNum type="arabicPeriod"/>
            </a:pPr>
            <a:endParaRPr lang="en-US" sz="2000" dirty="0"/>
          </a:p>
          <a:p>
            <a:pPr marL="0" indent="0">
              <a:buNone/>
            </a:pPr>
            <a:r>
              <a:rPr lang="en-US" sz="2400" dirty="0">
                <a:solidFill>
                  <a:srgbClr val="FF0000"/>
                </a:solidFill>
              </a:rPr>
              <a:t>What happens when </a:t>
            </a:r>
            <a:r>
              <a:rPr lang="en-US" sz="2400" i="1" dirty="0" err="1">
                <a:solidFill>
                  <a:srgbClr val="FF0000"/>
                </a:solidFill>
              </a:rPr>
              <a:t>NdisGetDataBuffer</a:t>
            </a:r>
            <a:r>
              <a:rPr lang="en-US" sz="2400" dirty="0">
                <a:solidFill>
                  <a:srgbClr val="FF0000"/>
                </a:solidFill>
              </a:rPr>
              <a:t> returns </a:t>
            </a:r>
            <a:r>
              <a:rPr lang="en-US" sz="2400" i="1" dirty="0">
                <a:solidFill>
                  <a:srgbClr val="FF0000"/>
                </a:solidFill>
              </a:rPr>
              <a:t>NULL</a:t>
            </a:r>
            <a:r>
              <a:rPr lang="en-US" sz="2400" dirty="0">
                <a:solidFill>
                  <a:srgbClr val="FF0000"/>
                </a:solidFill>
              </a:rPr>
              <a:t>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5E205CA-85AA-B143-A777-BF54779E34E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2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28FAB6AC-1E28-9E4B-B8E4-D6118C30437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71069" y="1621371"/>
            <a:ext cx="6657347" cy="4790647"/>
          </a:xfrm>
          <a:prstGeom prst="rect">
            <a:avLst/>
          </a:prstGeom>
        </p:spPr>
      </p:pic>
      <mc:AlternateContent xmlns:mc="http://schemas.openxmlformats.org/markup-compatibility/2006">
        <mc:Choice xmlns:p14="http://schemas.microsoft.com/office/powerpoint/2010/main" Requires="p14">
          <p:contentPart p14:bwMode="auto" r:id="rId3">
            <p14:nvContentPartPr>
              <p14:cNvPr id="7" name="Ink 6">
                <a:extLst>
                  <a:ext uri="{FF2B5EF4-FFF2-40B4-BE49-F238E27FC236}">
                    <a16:creationId xmlns:a16="http://schemas.microsoft.com/office/drawing/2014/main" id="{2319F65F-45F9-174B-94E2-3F58DAD8E555}"/>
                  </a:ext>
                </a:extLst>
              </p14:cNvPr>
              <p14:cNvContentPartPr/>
              <p14:nvPr/>
            </p14:nvContentPartPr>
            <p14:xfrm>
              <a:off x="5342530" y="1748631"/>
              <a:ext cx="1073160" cy="41040"/>
            </p14:xfrm>
          </p:contentPart>
        </mc:Choice>
        <mc:Fallback>
          <p:pic>
            <p:nvPicPr>
              <p:cNvPr id="7" name="Ink 6">
                <a:extLst>
                  <a:ext uri="{FF2B5EF4-FFF2-40B4-BE49-F238E27FC236}">
                    <a16:creationId xmlns:a16="http://schemas.microsoft.com/office/drawing/2014/main" id="{2319F65F-45F9-174B-94E2-3F58DAD8E555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5288530" y="1640991"/>
                <a:ext cx="1180800" cy="2566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5">
            <p14:nvContentPartPr>
              <p14:cNvPr id="9" name="Ink 8">
                <a:extLst>
                  <a:ext uri="{FF2B5EF4-FFF2-40B4-BE49-F238E27FC236}">
                    <a16:creationId xmlns:a16="http://schemas.microsoft.com/office/drawing/2014/main" id="{97261D71-2B40-D140-9B59-67A823C608F7}"/>
                  </a:ext>
                </a:extLst>
              </p14:cNvPr>
              <p14:cNvContentPartPr/>
              <p14:nvPr/>
            </p14:nvContentPartPr>
            <p14:xfrm>
              <a:off x="5761930" y="2333631"/>
              <a:ext cx="1134000" cy="7200"/>
            </p14:xfrm>
          </p:contentPart>
        </mc:Choice>
        <mc:Fallback>
          <p:pic>
            <p:nvPicPr>
              <p:cNvPr id="9" name="Ink 8">
                <a:extLst>
                  <a:ext uri="{FF2B5EF4-FFF2-40B4-BE49-F238E27FC236}">
                    <a16:creationId xmlns:a16="http://schemas.microsoft.com/office/drawing/2014/main" id="{97261D71-2B40-D140-9B59-67A823C608F7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5707930" y="2225631"/>
                <a:ext cx="1241640" cy="2228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7">
            <p14:nvContentPartPr>
              <p14:cNvPr id="10" name="Ink 9">
                <a:extLst>
                  <a:ext uri="{FF2B5EF4-FFF2-40B4-BE49-F238E27FC236}">
                    <a16:creationId xmlns:a16="http://schemas.microsoft.com/office/drawing/2014/main" id="{A74C2066-8729-4948-8F82-318BD518A2A0}"/>
                  </a:ext>
                </a:extLst>
              </p14:cNvPr>
              <p14:cNvContentPartPr/>
              <p14:nvPr/>
            </p14:nvContentPartPr>
            <p14:xfrm>
              <a:off x="5341090" y="3494631"/>
              <a:ext cx="3567600" cy="110160"/>
            </p14:xfrm>
          </p:contentPart>
        </mc:Choice>
        <mc:Fallback>
          <p:pic>
            <p:nvPicPr>
              <p:cNvPr id="10" name="Ink 9">
                <a:extLst>
                  <a:ext uri="{FF2B5EF4-FFF2-40B4-BE49-F238E27FC236}">
                    <a16:creationId xmlns:a16="http://schemas.microsoft.com/office/drawing/2014/main" id="{A74C2066-8729-4948-8F82-318BD518A2A0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5287090" y="3386631"/>
                <a:ext cx="3675240" cy="3258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9">
            <p14:nvContentPartPr>
              <p14:cNvPr id="15" name="Ink 14">
                <a:extLst>
                  <a:ext uri="{FF2B5EF4-FFF2-40B4-BE49-F238E27FC236}">
                    <a16:creationId xmlns:a16="http://schemas.microsoft.com/office/drawing/2014/main" id="{172A4D97-AE18-2445-B5C8-D49983B15522}"/>
                  </a:ext>
                </a:extLst>
              </p14:cNvPr>
              <p14:cNvContentPartPr/>
              <p14:nvPr/>
            </p14:nvContentPartPr>
            <p14:xfrm>
              <a:off x="8578930" y="3684711"/>
              <a:ext cx="2342160" cy="122040"/>
            </p14:xfrm>
          </p:contentPart>
        </mc:Choice>
        <mc:Fallback>
          <p:pic>
            <p:nvPicPr>
              <p:cNvPr id="15" name="Ink 14">
                <a:extLst>
                  <a:ext uri="{FF2B5EF4-FFF2-40B4-BE49-F238E27FC236}">
                    <a16:creationId xmlns:a16="http://schemas.microsoft.com/office/drawing/2014/main" id="{172A4D97-AE18-2445-B5C8-D49983B15522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8524930" y="3576711"/>
                <a:ext cx="2449800" cy="3376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1">
            <p14:nvContentPartPr>
              <p14:cNvPr id="16" name="Ink 15">
                <a:extLst>
                  <a:ext uri="{FF2B5EF4-FFF2-40B4-BE49-F238E27FC236}">
                    <a16:creationId xmlns:a16="http://schemas.microsoft.com/office/drawing/2014/main" id="{FD5B7197-B0A9-0A43-87F7-52867EE5B981}"/>
                  </a:ext>
                </a:extLst>
              </p14:cNvPr>
              <p14:cNvContentPartPr/>
              <p14:nvPr/>
            </p14:nvContentPartPr>
            <p14:xfrm>
              <a:off x="8521330" y="6035151"/>
              <a:ext cx="882360" cy="28440"/>
            </p14:xfrm>
          </p:contentPart>
        </mc:Choice>
        <mc:Fallback>
          <p:pic>
            <p:nvPicPr>
              <p:cNvPr id="16" name="Ink 15">
                <a:extLst>
                  <a:ext uri="{FF2B5EF4-FFF2-40B4-BE49-F238E27FC236}">
                    <a16:creationId xmlns:a16="http://schemas.microsoft.com/office/drawing/2014/main" id="{FD5B7197-B0A9-0A43-87F7-52867EE5B981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8467330" y="5927151"/>
                <a:ext cx="990000" cy="24408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8975508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ED7B4B-37DC-1949-BA66-54DA15EA3D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Triggering the vulnerabilit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8454DD5-E873-154C-9D49-D97C36DD036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/>
              <a:t>Create a fragmented packet where the unfragmentable part is around 0xFFFF bytes</a:t>
            </a:r>
          </a:p>
          <a:p>
            <a:pPr lvl="1"/>
            <a:r>
              <a:rPr lang="en-US" sz="2000" b="1" dirty="0"/>
              <a:t>Should</a:t>
            </a:r>
            <a:r>
              <a:rPr lang="en-US" sz="2000" dirty="0"/>
              <a:t> be impossible</a:t>
            </a:r>
          </a:p>
          <a:p>
            <a:endParaRPr lang="en-US" sz="2000" dirty="0"/>
          </a:p>
          <a:p>
            <a:r>
              <a:rPr lang="en-US" sz="2000" b="1" dirty="0"/>
              <a:t>Nested fragment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77F0E0C-71A5-D841-B43E-3A4043D21FA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3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A230A41-11D1-B64E-BB9F-5A67E83385D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037513" y="2488849"/>
            <a:ext cx="6070205" cy="29806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574977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EE3EBF-4A65-C545-B649-0995C69343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Triggering the vulnerabilit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AEC0905-2D54-5845-B6E1-66887663267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/>
              <a:t>Construct a fragmented packet, </a:t>
            </a:r>
            <a:r>
              <a:rPr lang="en-US" sz="2000" i="1" dirty="0"/>
              <a:t>packet</a:t>
            </a:r>
            <a:r>
              <a:rPr lang="en-US" sz="2000" i="1" baseline="-25000" dirty="0"/>
              <a:t>1</a:t>
            </a:r>
            <a:r>
              <a:rPr lang="en-US" sz="2000" dirty="0"/>
              <a:t>, with around 0xFFFF bytes of Destination Option header data</a:t>
            </a:r>
          </a:p>
          <a:p>
            <a:r>
              <a:rPr lang="en-US" sz="2000" dirty="0"/>
              <a:t>Construct another packet, </a:t>
            </a:r>
            <a:r>
              <a:rPr lang="en-US" sz="2000" i="1" dirty="0"/>
              <a:t>packet</a:t>
            </a:r>
            <a:r>
              <a:rPr lang="en-US" sz="2000" i="1" baseline="-25000" dirty="0"/>
              <a:t>2</a:t>
            </a:r>
            <a:r>
              <a:rPr lang="en-US" sz="2000" dirty="0"/>
              <a:t>, with one fragment header, with a different fragment header id</a:t>
            </a:r>
          </a:p>
          <a:p>
            <a:r>
              <a:rPr lang="en-US" sz="2000" dirty="0"/>
              <a:t>Add a fragment header to the last fragment of </a:t>
            </a:r>
            <a:r>
              <a:rPr lang="en-US" sz="2000" i="1" dirty="0"/>
              <a:t>packet</a:t>
            </a:r>
            <a:r>
              <a:rPr lang="en-US" sz="2000" i="1" baseline="-25000" dirty="0"/>
              <a:t>1 </a:t>
            </a:r>
            <a:r>
              <a:rPr lang="en-US" sz="2000" dirty="0"/>
              <a:t>pointing to </a:t>
            </a:r>
            <a:r>
              <a:rPr lang="en-US" sz="2000" i="1" dirty="0"/>
              <a:t>packet</a:t>
            </a:r>
            <a:r>
              <a:rPr lang="en-US" sz="2000" i="1" baseline="-25000" dirty="0"/>
              <a:t>2</a:t>
            </a:r>
          </a:p>
          <a:p>
            <a:r>
              <a:rPr lang="en-US" sz="2000" dirty="0"/>
              <a:t>Send all fragments for </a:t>
            </a:r>
            <a:r>
              <a:rPr lang="en-US" sz="2000" i="1" dirty="0"/>
              <a:t>packet</a:t>
            </a:r>
            <a:r>
              <a:rPr lang="en-US" sz="2000" i="1" baseline="-25000" dirty="0"/>
              <a:t>1 </a:t>
            </a:r>
            <a:r>
              <a:rPr lang="en-US" sz="2000" dirty="0"/>
              <a:t>and </a:t>
            </a:r>
            <a:r>
              <a:rPr lang="en-US" sz="2000" i="1" dirty="0"/>
              <a:t>packet</a:t>
            </a:r>
            <a:r>
              <a:rPr lang="en-US" sz="2000" i="1" baseline="-25000" dirty="0"/>
              <a:t>2</a:t>
            </a:r>
            <a:r>
              <a:rPr lang="en-US" sz="2000" dirty="0"/>
              <a:t> to target</a:t>
            </a:r>
          </a:p>
          <a:p>
            <a:endParaRPr lang="en-US" sz="2000" dirty="0"/>
          </a:p>
          <a:p>
            <a:endParaRPr lang="en-US" sz="2000" dirty="0"/>
          </a:p>
          <a:p>
            <a:pPr marL="0" indent="0">
              <a:buNone/>
            </a:pPr>
            <a:r>
              <a:rPr lang="en-US" sz="3200" dirty="0">
                <a:solidFill>
                  <a:schemeClr val="accent3">
                    <a:lumMod val="75000"/>
                  </a:schemeClr>
                </a:solidFill>
              </a:rPr>
              <a:t>Video of </a:t>
            </a:r>
            <a:r>
              <a:rPr lang="en-US" sz="3200" dirty="0" err="1">
                <a:solidFill>
                  <a:schemeClr val="accent3">
                    <a:lumMod val="75000"/>
                  </a:schemeClr>
                </a:solidFill>
              </a:rPr>
              <a:t>PoC</a:t>
            </a:r>
            <a:endParaRPr lang="en-US" sz="3200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US" sz="2000" dirty="0"/>
          </a:p>
          <a:p>
            <a:endParaRPr lang="en-US" sz="2000" dirty="0"/>
          </a:p>
          <a:p>
            <a:endParaRPr lang="en-US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3529E0-1A35-1043-8B8C-48110C10D80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4808621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0ABCF8-99BA-E442-98A4-4F5D9C7CC6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VE-2021-24086 – Proof of Concept</a:t>
            </a:r>
          </a:p>
        </p:txBody>
      </p:sp>
      <p:pic>
        <p:nvPicPr>
          <p:cNvPr id="7" name="poc" descr="poc">
            <a:hlinkClick r:id="" action="ppaction://media"/>
            <a:extLst>
              <a:ext uri="{FF2B5EF4-FFF2-40B4-BE49-F238E27FC236}">
                <a16:creationId xmlns:a16="http://schemas.microsoft.com/office/drawing/2014/main" id="{E05A392F-8343-9146-B8AC-D03DF28BA0BA}"/>
              </a:ext>
            </a:extLst>
          </p:cNvPr>
          <p:cNvPicPr>
            <a:picLocks noGrp="1" noChangeAspect="1"/>
          </p:cNvPicPr>
          <p:nvPr>
            <p:ph idx="1"/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3230562" y="1556792"/>
            <a:ext cx="5729288" cy="4545012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6AE2175-3B9B-8F42-8B31-0888D91E6FF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673262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25967" fill="hold"/>
                                        <p:tgtEl>
                                          <p:spTgt spid="7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7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7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7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7"/>
                  </p:tgtEl>
                </p:cond>
              </p:nextCondLst>
            </p:seq>
          </p:childTnLst>
        </p:cTn>
      </p:par>
    </p:tn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E3BCD4-F38B-9540-9B5A-AF5F5E691D7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Detec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849DB52-8A53-B045-94D3-9EB31D414E7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Detection of CVE-2021-24086 using ETW and Function hooking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0BC0100-2B45-6140-8F89-AFB5377B471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4787929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1134F4D-F95D-3741-9AC0-1315AF09F1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tection of CVE-2021-24086 - ET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D798922-7BBA-A743-B609-99AD2693225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4727973" cy="1866616"/>
          </a:xfrm>
        </p:spPr>
        <p:txBody>
          <a:bodyPr/>
          <a:lstStyle/>
          <a:p>
            <a:r>
              <a:rPr lang="en-US" i="1" dirty="0" err="1"/>
              <a:t>tcpip.sys</a:t>
            </a:r>
            <a:r>
              <a:rPr lang="en-US" i="1" dirty="0"/>
              <a:t> </a:t>
            </a:r>
            <a:r>
              <a:rPr lang="en-US" dirty="0"/>
              <a:t>registers as a WPP provider</a:t>
            </a:r>
          </a:p>
          <a:p>
            <a:pPr lvl="1"/>
            <a:r>
              <a:rPr lang="en-US" dirty="0"/>
              <a:t>Uses </a:t>
            </a:r>
            <a:r>
              <a:rPr lang="en-US" i="1" dirty="0" err="1"/>
              <a:t>EtwWrite</a:t>
            </a:r>
            <a:r>
              <a:rPr lang="en-US" dirty="0"/>
              <a:t> and </a:t>
            </a:r>
            <a:r>
              <a:rPr lang="en-US" i="1" dirty="0" err="1"/>
              <a:t>EtwWriteTransfer</a:t>
            </a:r>
            <a:r>
              <a:rPr lang="en-US" dirty="0"/>
              <a:t> to write events</a:t>
            </a:r>
          </a:p>
          <a:p>
            <a:r>
              <a:rPr lang="en-US" dirty="0"/>
              <a:t>Cross-reference calls to ETW API functions from our crash </a:t>
            </a:r>
            <a:r>
              <a:rPr lang="en-US" dirty="0" err="1"/>
              <a:t>stacktrace</a:t>
            </a:r>
            <a:endParaRPr lang="en-US" dirty="0"/>
          </a:p>
          <a:p>
            <a:r>
              <a:rPr lang="en-US" dirty="0"/>
              <a:t>Most are due to error checking</a:t>
            </a:r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EB41D19-BE3D-094C-8A1B-DAE5655D885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7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8F0841DE-B28C-7C46-B7A1-5AC1DC37051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502773" y="1772816"/>
            <a:ext cx="5436277" cy="4013831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225E77F9-FFEF-254C-8BE6-926651CCAE3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630710" y="3779731"/>
            <a:ext cx="6435576" cy="24091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26117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E41B260-CA50-0648-9CFB-7D4B0183E7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tection of CVE-2021-24086 - ET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C6255D0-2920-574B-BECA-6B3823D5FCB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4839199" cy="4545578"/>
          </a:xfrm>
        </p:spPr>
        <p:txBody>
          <a:bodyPr/>
          <a:lstStyle/>
          <a:p>
            <a:r>
              <a:rPr lang="en-US" sz="2000" dirty="0"/>
              <a:t>Analyze the events</a:t>
            </a:r>
          </a:p>
          <a:p>
            <a:pPr lvl="1"/>
            <a:r>
              <a:rPr lang="en-US" sz="2000" dirty="0"/>
              <a:t>Where are they triggered</a:t>
            </a:r>
          </a:p>
          <a:p>
            <a:pPr lvl="1"/>
            <a:r>
              <a:rPr lang="en-US" sz="2000" dirty="0"/>
              <a:t>Why are they triggered</a:t>
            </a:r>
          </a:p>
          <a:p>
            <a:pPr lvl="1"/>
            <a:r>
              <a:rPr lang="en-US" sz="2000" dirty="0"/>
              <a:t>Can they be used to detect CVE-2021-24086?</a:t>
            </a:r>
          </a:p>
          <a:p>
            <a:r>
              <a:rPr lang="en-US" sz="2000" dirty="0"/>
              <a:t>All events due to error checking</a:t>
            </a:r>
          </a:p>
          <a:p>
            <a:pPr lvl="1"/>
            <a:r>
              <a:rPr lang="en-US" sz="2000" dirty="0"/>
              <a:t>Triggered on known unintended states</a:t>
            </a:r>
          </a:p>
          <a:p>
            <a:pPr lvl="1"/>
            <a:r>
              <a:rPr lang="en-US" sz="2000" dirty="0"/>
              <a:t>We are interested in unknown unintended states</a:t>
            </a:r>
          </a:p>
          <a:p>
            <a:pPr lvl="1"/>
            <a:r>
              <a:rPr lang="en-US" sz="2000" dirty="0"/>
              <a:t>Not useable to detect CVE-2021-24086</a:t>
            </a:r>
          </a:p>
          <a:p>
            <a:endParaRPr lang="en-US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72CEB19-114A-FD40-BA10-ACF6060B58E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8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A627A97-8AC5-9544-A86F-F6B4B30A8C7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13999" y="1589562"/>
            <a:ext cx="5521700" cy="3678875"/>
          </a:xfrm>
          <a:prstGeom prst="rect">
            <a:avLst/>
          </a:prstGeom>
        </p:spPr>
      </p:pic>
      <mc:AlternateContent xmlns:mc="http://schemas.openxmlformats.org/markup-compatibility/2006">
        <mc:Choice xmlns:p14="http://schemas.microsoft.com/office/powerpoint/2010/main" Requires="p14">
          <p:contentPart p14:bwMode="auto" r:id="rId3">
            <p14:nvContentPartPr>
              <p14:cNvPr id="6" name="Ink 5">
                <a:extLst>
                  <a:ext uri="{FF2B5EF4-FFF2-40B4-BE49-F238E27FC236}">
                    <a16:creationId xmlns:a16="http://schemas.microsoft.com/office/drawing/2014/main" id="{1DA807A7-4298-CD4B-82AF-3E27B34FAA4B}"/>
                  </a:ext>
                </a:extLst>
              </p14:cNvPr>
              <p14:cNvContentPartPr/>
              <p14:nvPr/>
            </p14:nvContentPartPr>
            <p14:xfrm>
              <a:off x="7279149" y="2846086"/>
              <a:ext cx="884880" cy="76680"/>
            </p14:xfrm>
          </p:contentPart>
        </mc:Choice>
        <mc:Fallback>
          <p:pic>
            <p:nvPicPr>
              <p:cNvPr id="6" name="Ink 5">
                <a:extLst>
                  <a:ext uri="{FF2B5EF4-FFF2-40B4-BE49-F238E27FC236}">
                    <a16:creationId xmlns:a16="http://schemas.microsoft.com/office/drawing/2014/main" id="{1DA807A7-4298-CD4B-82AF-3E27B34FAA4B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7225509" y="2738446"/>
                <a:ext cx="992520" cy="2923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5">
            <p14:nvContentPartPr>
              <p14:cNvPr id="7" name="Ink 6">
                <a:extLst>
                  <a:ext uri="{FF2B5EF4-FFF2-40B4-BE49-F238E27FC236}">
                    <a16:creationId xmlns:a16="http://schemas.microsoft.com/office/drawing/2014/main" id="{2B07D290-D451-774D-BC29-48419A290995}"/>
                  </a:ext>
                </a:extLst>
              </p14:cNvPr>
              <p14:cNvContentPartPr/>
              <p14:nvPr/>
            </p14:nvContentPartPr>
            <p14:xfrm>
              <a:off x="7021570" y="2180271"/>
              <a:ext cx="1468080" cy="40320"/>
            </p14:xfrm>
          </p:contentPart>
        </mc:Choice>
        <mc:Fallback>
          <p:pic>
            <p:nvPicPr>
              <p:cNvPr id="7" name="Ink 6">
                <a:extLst>
                  <a:ext uri="{FF2B5EF4-FFF2-40B4-BE49-F238E27FC236}">
                    <a16:creationId xmlns:a16="http://schemas.microsoft.com/office/drawing/2014/main" id="{2B07D290-D451-774D-BC29-48419A290995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6967930" y="2072271"/>
                <a:ext cx="1575720" cy="255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7">
            <p14:nvContentPartPr>
              <p14:cNvPr id="8" name="Ink 7">
                <a:extLst>
                  <a:ext uri="{FF2B5EF4-FFF2-40B4-BE49-F238E27FC236}">
                    <a16:creationId xmlns:a16="http://schemas.microsoft.com/office/drawing/2014/main" id="{AE1F6775-A915-5C4D-92E4-375F28463C52}"/>
                  </a:ext>
                </a:extLst>
              </p14:cNvPr>
              <p14:cNvContentPartPr/>
              <p14:nvPr/>
            </p14:nvContentPartPr>
            <p14:xfrm>
              <a:off x="8260690" y="4469871"/>
              <a:ext cx="1443240" cy="8640"/>
            </p14:xfrm>
          </p:contentPart>
        </mc:Choice>
        <mc:Fallback>
          <p:pic>
            <p:nvPicPr>
              <p:cNvPr id="8" name="Ink 7">
                <a:extLst>
                  <a:ext uri="{FF2B5EF4-FFF2-40B4-BE49-F238E27FC236}">
                    <a16:creationId xmlns:a16="http://schemas.microsoft.com/office/drawing/2014/main" id="{AE1F6775-A915-5C4D-92E4-375F28463C52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8206690" y="4361871"/>
                <a:ext cx="1550880" cy="224280"/>
              </a:xfrm>
              <a:prstGeom prst="rect">
                <a:avLst/>
              </a:prstGeom>
            </p:spPr>
          </p:pic>
        </mc:Fallback>
      </mc:AlternateContent>
      <p:pic>
        <p:nvPicPr>
          <p:cNvPr id="10" name="Picture 9">
            <a:extLst>
              <a:ext uri="{FF2B5EF4-FFF2-40B4-BE49-F238E27FC236}">
                <a16:creationId xmlns:a16="http://schemas.microsoft.com/office/drawing/2014/main" id="{E59EFCA2-3D44-9741-9A6C-AA0D1A63439A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1553778" y="1515681"/>
            <a:ext cx="9082856" cy="43213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45389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34D58EC-7CDB-0C44-A3E6-F8A1F7A247C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tection of CVE-2021-24086 – Function hook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DE9CC98-6BBC-E141-BD03-85763055628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/>
              <a:t>Create a target function matching the signature of Ipv6pReassembleDatagram</a:t>
            </a:r>
            <a:r>
              <a:rPr lang="en-GB" sz="2000" dirty="0"/>
              <a:t> </a:t>
            </a:r>
          </a:p>
          <a:p>
            <a:r>
              <a:rPr lang="en-US" sz="2000" dirty="0"/>
              <a:t>Create logic similar to the patch</a:t>
            </a:r>
          </a:p>
          <a:p>
            <a:endParaRPr lang="en-US" sz="2000" dirty="0"/>
          </a:p>
          <a:p>
            <a:endParaRPr lang="en-US" sz="2000" dirty="0"/>
          </a:p>
          <a:p>
            <a:endParaRPr lang="en-US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5A9C6FC-3909-E649-972E-FB9F0DA447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9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7B1E97F-3FAD-AE4F-8CB3-2C6A74BFEBF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2558" y="2420888"/>
            <a:ext cx="5495652" cy="141196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8117256E-E8EE-7D49-90D9-359D710A646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767807" y="3126868"/>
            <a:ext cx="7153498" cy="2667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723640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Introduction</a:t>
            </a:r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z="2400" dirty="0"/>
              <a:t>Microsoft patched 117 vulnerabilities in Windows and Windows native applications in July 2021</a:t>
            </a:r>
          </a:p>
          <a:p>
            <a:r>
              <a:rPr lang="en-GB" sz="2400" dirty="0"/>
              <a:t>13 of these were critical and 103 important. Only one was rated as moderate</a:t>
            </a:r>
          </a:p>
          <a:p>
            <a:r>
              <a:rPr lang="en-GB" sz="2400" dirty="0"/>
              <a:t>Mean time to remediate (MTTR) is on average 60 days. Worst case was 309 days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r>
              <a:rPr lang="en-GB" sz="3200" dirty="0">
                <a:solidFill>
                  <a:srgbClr val="FF0000"/>
                </a:solidFill>
              </a:rPr>
              <a:t>What can a potential attacker do in 60-309 days?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build="p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9AAFAD-0997-EE4C-8982-414D2BA54F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tection of CVE-2021-24086 – Function hook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1E8E224-E183-1243-AF37-57D5F59F8AB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Developing kernel function hooking takes a lot of effort and time</a:t>
            </a:r>
          </a:p>
          <a:p>
            <a:r>
              <a:rPr lang="en-US" dirty="0"/>
              <a:t>We simulate function hooking using kernel debugging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AAF95B0-A129-CC48-A627-8D217EA1DFB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0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33C4260-589C-1942-83C4-5174AA934E4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13015" y="2420888"/>
            <a:ext cx="5764382" cy="3757574"/>
          </a:xfrm>
          <a:prstGeom prst="rect">
            <a:avLst/>
          </a:prstGeom>
        </p:spPr>
      </p:pic>
      <mc:AlternateContent xmlns:mc="http://schemas.openxmlformats.org/markup-compatibility/2006">
        <mc:Choice xmlns:p14="http://schemas.microsoft.com/office/powerpoint/2010/main" Requires="p14">
          <p:contentPart p14:bwMode="auto" r:id="rId3">
            <p14:nvContentPartPr>
              <p14:cNvPr id="8" name="Ink 7">
                <a:extLst>
                  <a:ext uri="{FF2B5EF4-FFF2-40B4-BE49-F238E27FC236}">
                    <a16:creationId xmlns:a16="http://schemas.microsoft.com/office/drawing/2014/main" id="{6B1C8E80-8818-4247-8FF7-73C4ACC8CE50}"/>
                  </a:ext>
                </a:extLst>
              </p14:cNvPr>
              <p14:cNvContentPartPr/>
              <p14:nvPr/>
            </p14:nvContentPartPr>
            <p14:xfrm>
              <a:off x="3658090" y="4600911"/>
              <a:ext cx="3209040" cy="49320"/>
            </p14:xfrm>
          </p:contentPart>
        </mc:Choice>
        <mc:Fallback>
          <p:pic>
            <p:nvPicPr>
              <p:cNvPr id="8" name="Ink 7">
                <a:extLst>
                  <a:ext uri="{FF2B5EF4-FFF2-40B4-BE49-F238E27FC236}">
                    <a16:creationId xmlns:a16="http://schemas.microsoft.com/office/drawing/2014/main" id="{6B1C8E80-8818-4247-8FF7-73C4ACC8CE50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3604450" y="4493271"/>
                <a:ext cx="3316680" cy="26496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145606936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BD0C3CF-33E6-5840-871B-FA823488B6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tection of CVE-2021-24086 – Function hooking </a:t>
            </a:r>
            <a:r>
              <a:rPr lang="en-US" dirty="0" err="1"/>
              <a:t>PoC</a:t>
            </a:r>
            <a:endParaRPr lang="en-US" dirty="0"/>
          </a:p>
        </p:txBody>
      </p:sp>
      <p:pic>
        <p:nvPicPr>
          <p:cNvPr id="5" name="poc-detected" descr="poc-detected">
            <a:hlinkClick r:id="" action="ppaction://media"/>
            <a:extLst>
              <a:ext uri="{FF2B5EF4-FFF2-40B4-BE49-F238E27FC236}">
                <a16:creationId xmlns:a16="http://schemas.microsoft.com/office/drawing/2014/main" id="{C23BB0B5-B1AF-EB48-9764-4F609C3FDF5A}"/>
              </a:ext>
            </a:extLst>
          </p:cNvPr>
          <p:cNvPicPr>
            <a:picLocks noGrp="1" noChangeAspect="1"/>
          </p:cNvPicPr>
          <p:nvPr>
            <p:ph idx="1"/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2909044" y="1556792"/>
            <a:ext cx="7043738" cy="4545012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BDC43ED-7ACE-FB4D-B959-BA0584A614C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950117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30200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</p:childTnLst>
        </p:cTn>
      </p:par>
    </p:tnLst>
  </p:timing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E3BCD4-F38B-9540-9B5A-AF5F5E691D7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Discuss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849DB52-8A53-B045-94D3-9EB31D414E7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Discussion regarding scalability and automa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0BC0100-2B45-6140-8F89-AFB5377B471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760601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B701D0-6EB5-D74B-BDA8-7CA4D2F3C7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alability and automation – Patch inform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7644AB0-30C8-D740-9363-49CC39D6F18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/>
              <a:t>Goal is to discover information given by a patch</a:t>
            </a:r>
          </a:p>
          <a:p>
            <a:pPr lvl="1"/>
            <a:r>
              <a:rPr lang="en-US" sz="2000" dirty="0"/>
              <a:t>And analyze if this can be used to detect exploitation attempts</a:t>
            </a:r>
          </a:p>
          <a:p>
            <a:endParaRPr lang="en-US" sz="2000" dirty="0"/>
          </a:p>
          <a:p>
            <a:r>
              <a:rPr lang="en-US" sz="2000" dirty="0"/>
              <a:t>Very precise change of the binary</a:t>
            </a:r>
          </a:p>
          <a:p>
            <a:r>
              <a:rPr lang="en-US" sz="2000" dirty="0"/>
              <a:t>Which functions were modified with confidence and similarity analysis</a:t>
            </a:r>
          </a:p>
          <a:p>
            <a:r>
              <a:rPr lang="en-US" sz="2000" dirty="0"/>
              <a:t>Specific addresses with changes</a:t>
            </a:r>
          </a:p>
          <a:p>
            <a:r>
              <a:rPr lang="en-US" sz="2000" dirty="0"/>
              <a:t>Changes on the assembly level</a:t>
            </a:r>
          </a:p>
          <a:p>
            <a:r>
              <a:rPr lang="en-US" sz="2000" dirty="0"/>
              <a:t>Additions to the binary such as new functions</a:t>
            </a:r>
          </a:p>
          <a:p>
            <a:endParaRPr lang="en-US" sz="2000" dirty="0"/>
          </a:p>
          <a:p>
            <a:r>
              <a:rPr lang="en-US" sz="2000" dirty="0"/>
              <a:t>Easy to gather – Hard to interpre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DBB7BF2-61B7-A44D-9AF4-C5173F3492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9144569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39DFA5-CDF7-7A49-8806-B6517ACAA5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alability and automation – Root cause analysi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306FE21-9F6B-8E43-B4D4-659D92B9D7A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/>
              <a:t>Many vulnerability types</a:t>
            </a:r>
          </a:p>
          <a:p>
            <a:pPr lvl="1"/>
            <a:r>
              <a:rPr lang="en-US" sz="2000" dirty="0"/>
              <a:t>Null pointer dereference </a:t>
            </a:r>
          </a:p>
          <a:p>
            <a:pPr lvl="1"/>
            <a:r>
              <a:rPr lang="en-US" sz="2000" dirty="0"/>
              <a:t>Stack buffer overflow</a:t>
            </a:r>
          </a:p>
          <a:p>
            <a:pPr lvl="1"/>
            <a:r>
              <a:rPr lang="en-US" sz="2000" dirty="0"/>
              <a:t>Heap buffer overflow</a:t>
            </a:r>
          </a:p>
          <a:p>
            <a:pPr lvl="1"/>
            <a:r>
              <a:rPr lang="en-US" sz="2000" dirty="0"/>
              <a:t>Use-after-free</a:t>
            </a:r>
          </a:p>
          <a:p>
            <a:pPr lvl="1"/>
            <a:r>
              <a:rPr lang="en-US" sz="2000" dirty="0"/>
              <a:t>Type confusion</a:t>
            </a:r>
          </a:p>
          <a:p>
            <a:pPr lvl="1"/>
            <a:r>
              <a:rPr lang="en-US" sz="2000" dirty="0"/>
              <a:t>Arbitrary memory overwrite</a:t>
            </a:r>
          </a:p>
          <a:p>
            <a:pPr lvl="1"/>
            <a:r>
              <a:rPr lang="en-US" sz="2000" dirty="0"/>
              <a:t>Integer overflow</a:t>
            </a:r>
          </a:p>
          <a:p>
            <a:pPr lvl="1"/>
            <a:r>
              <a:rPr lang="en-US" sz="2000" dirty="0"/>
              <a:t>Logic bugs</a:t>
            </a:r>
          </a:p>
          <a:p>
            <a:pPr lvl="1"/>
            <a:r>
              <a:rPr lang="en-US" sz="2000" dirty="0"/>
              <a:t>Race condition</a:t>
            </a:r>
          </a:p>
          <a:p>
            <a:r>
              <a:rPr lang="en-US" sz="2000" dirty="0"/>
              <a:t>Detection and analysis logic must be created for each type in order to automat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9E44E66-511C-CC44-BE3E-3B9D080BC8C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0711153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CFC2673-3D90-7B41-970D-E6371C332A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alability and automation – Creating detec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A5DB223-5A35-3C4B-A36E-24FAC923BA7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/>
              <a:t>Different logic for different vulnerability types</a:t>
            </a:r>
          </a:p>
          <a:p>
            <a:r>
              <a:rPr lang="en-US" sz="2000" dirty="0"/>
              <a:t>Example: integer overflow</a:t>
            </a:r>
          </a:p>
          <a:p>
            <a:pPr lvl="1"/>
            <a:r>
              <a:rPr lang="en-US" sz="2000" dirty="0"/>
              <a:t>The patch adds a CMP instruction</a:t>
            </a:r>
          </a:p>
          <a:p>
            <a:pPr lvl="1"/>
            <a:r>
              <a:rPr lang="en-US" sz="2000" dirty="0"/>
              <a:t>How do we check the “right” value</a:t>
            </a:r>
          </a:p>
          <a:p>
            <a:pPr lvl="2"/>
            <a:r>
              <a:rPr lang="en-US" sz="2000" dirty="0"/>
              <a:t>Trace the usage and calculation of relevant registers</a:t>
            </a:r>
          </a:p>
          <a:p>
            <a:pPr lvl="2"/>
            <a:r>
              <a:rPr lang="en-US" sz="2000" dirty="0"/>
              <a:t>Hook the function at the fix location</a:t>
            </a:r>
          </a:p>
          <a:p>
            <a:endParaRPr lang="en-US" sz="2000" dirty="0"/>
          </a:p>
          <a:p>
            <a:r>
              <a:rPr lang="en-US" sz="2000" dirty="0"/>
              <a:t>More work is needed to determine if ETW can be used for other vulnerabilities</a:t>
            </a:r>
          </a:p>
          <a:p>
            <a:r>
              <a:rPr lang="en-US" sz="2000" dirty="0"/>
              <a:t>Function hooking provides greater flexibility, but more work is needed</a:t>
            </a:r>
          </a:p>
          <a:p>
            <a:pPr lvl="1"/>
            <a:endParaRPr lang="en-US" sz="2000" dirty="0"/>
          </a:p>
          <a:p>
            <a:pPr lvl="1"/>
            <a:endParaRPr lang="en-US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A2F200-FC5E-9B4A-8F26-6AC836E4A69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1331044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E3BCD4-F38B-9540-9B5A-AF5F5E691D7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Conclus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849DB52-8A53-B045-94D3-9EB31D414E7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0BC0100-2B45-6140-8F89-AFB5377B471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3959327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0D7304-268C-6544-AD9B-81D7ACFA1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urpos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185BAC2-D3A4-544B-BE0A-14B74AC092E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400" dirty="0"/>
              <a:t>Security vulnerabilities are growing in impact and volume</a:t>
            </a:r>
          </a:p>
          <a:p>
            <a:r>
              <a:rPr lang="en-US" sz="2400" dirty="0"/>
              <a:t>Increasing risk in getting hit</a:t>
            </a:r>
          </a:p>
          <a:p>
            <a:r>
              <a:rPr lang="en-US" sz="2400" dirty="0"/>
              <a:t>Patching is hard</a:t>
            </a:r>
          </a:p>
          <a:p>
            <a:endParaRPr lang="en-US" dirty="0"/>
          </a:p>
          <a:p>
            <a:pPr marL="0" indent="0">
              <a:buNone/>
            </a:pPr>
            <a:r>
              <a:rPr lang="en-GB" sz="3200" dirty="0">
                <a:solidFill>
                  <a:schemeClr val="accent3">
                    <a:lumMod val="75000"/>
                  </a:schemeClr>
                </a:solidFill>
              </a:rPr>
              <a:t>Can we dynamically detect exploitation of vulnerabilities?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C199DF2-B422-6045-AB6C-9B8EFC07905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3213663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6EE6FF-5613-1147-AAA5-AA3C28F098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ver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886D5A0-7BC7-774D-AB9D-94114E23C2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400" dirty="0"/>
              <a:t>Tracing and logging methods of Windows</a:t>
            </a:r>
          </a:p>
          <a:p>
            <a:r>
              <a:rPr lang="en-US" sz="2400" dirty="0"/>
              <a:t>Analysis of CVE-2021-24086 – A DoS vulnerability in the TCP/IP Stack</a:t>
            </a:r>
          </a:p>
          <a:p>
            <a:r>
              <a:rPr lang="en-US" sz="2400" dirty="0"/>
              <a:t>Detection of CVE-2021-24086</a:t>
            </a:r>
          </a:p>
          <a:p>
            <a:r>
              <a:rPr lang="en-US" sz="2400" dirty="0"/>
              <a:t>Discussion of scalability and automation in regard to dynamic detection of vulnerability exploitation</a:t>
            </a:r>
          </a:p>
          <a:p>
            <a:r>
              <a:rPr lang="en-US" sz="2400" dirty="0"/>
              <a:t>Conclus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5582BB1-CA9E-0440-90BC-CB02D65C025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2128191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E3BCD4-F38B-9540-9B5A-AF5F5E691D7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Tracing and logging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849DB52-8A53-B045-94D3-9EB31D414E7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Using Event Tracing for Windows (ETW) and Function hooking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0BC0100-2B45-6140-8F89-AFB5377B471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104115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2D373DF-2A8F-1D47-947E-13D2268DAE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vent Tracing for Windows (ETW)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6C5148A-695A-AF4A-B5FD-B50E4CCFBE1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4320406" cy="4545578"/>
          </a:xfrm>
        </p:spPr>
        <p:txBody>
          <a:bodyPr/>
          <a:lstStyle/>
          <a:p>
            <a:r>
              <a:rPr lang="en-US" sz="2000" dirty="0"/>
              <a:t>Logging mechanism built into Windows</a:t>
            </a:r>
          </a:p>
          <a:p>
            <a:endParaRPr lang="en-US" sz="2000" dirty="0"/>
          </a:p>
          <a:p>
            <a:r>
              <a:rPr lang="en-US" sz="2000" dirty="0"/>
              <a:t>Sessions</a:t>
            </a:r>
          </a:p>
          <a:p>
            <a:r>
              <a:rPr lang="en-US" sz="2000" dirty="0"/>
              <a:t>Controllers</a:t>
            </a:r>
          </a:p>
          <a:p>
            <a:r>
              <a:rPr lang="en-US" sz="2000" dirty="0"/>
              <a:t>Event providers</a:t>
            </a:r>
          </a:p>
          <a:p>
            <a:r>
              <a:rPr lang="en-US" sz="2000" dirty="0"/>
              <a:t>Buffers</a:t>
            </a:r>
          </a:p>
          <a:p>
            <a:r>
              <a:rPr lang="en-US" sz="2000" dirty="0"/>
              <a:t>Consumer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81A098-7BB5-A341-91F7-4DAFEF449B4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2C9F8669-6F48-EB47-9BE2-BB4C05F4A89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3421" b="11208"/>
          <a:stretch/>
        </p:blipFill>
        <p:spPr>
          <a:xfrm>
            <a:off x="5159102" y="2126147"/>
            <a:ext cx="6097835" cy="3823134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FCD2CA16-AC42-7343-A569-13ECD5ED24AE}"/>
              </a:ext>
            </a:extLst>
          </p:cNvPr>
          <p:cNvSpPr txBox="1"/>
          <p:nvPr/>
        </p:nvSpPr>
        <p:spPr>
          <a:xfrm>
            <a:off x="982133" y="6722533"/>
            <a:ext cx="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en-US" dirty="0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120DC0B-E59E-4C4B-BE32-4F6BC0489405}"/>
              </a:ext>
            </a:extLst>
          </p:cNvPr>
          <p:cNvSpPr txBox="1"/>
          <p:nvPr/>
        </p:nvSpPr>
        <p:spPr>
          <a:xfrm>
            <a:off x="745067" y="6688667"/>
            <a:ext cx="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en-US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14927184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C499DD-C199-5045-8FBB-5CF101FD10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vent provider typ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19FAB1D-7FAB-CC46-ACE8-0B8CB999B7B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/>
              <a:t>Managed Object Format (MOF) (classic) providers</a:t>
            </a:r>
          </a:p>
          <a:p>
            <a:pPr lvl="1"/>
            <a:r>
              <a:rPr lang="en-US" sz="2000" dirty="0"/>
              <a:t>Defined by C-like structs</a:t>
            </a:r>
          </a:p>
          <a:p>
            <a:r>
              <a:rPr lang="en-US" sz="2000" dirty="0"/>
              <a:t>Windows software trace preprocessor (WPP) providers</a:t>
            </a:r>
          </a:p>
          <a:p>
            <a:pPr lvl="1"/>
            <a:r>
              <a:rPr lang="en-US" sz="2000" dirty="0"/>
              <a:t>Trace Message Format (FMT)</a:t>
            </a:r>
          </a:p>
          <a:p>
            <a:pPr lvl="1"/>
            <a:r>
              <a:rPr lang="en-US" sz="2000" dirty="0"/>
              <a:t>Moved information into PDB of the binary</a:t>
            </a:r>
          </a:p>
          <a:p>
            <a:r>
              <a:rPr lang="en-US" sz="2000" dirty="0"/>
              <a:t>Manifest-based providers</a:t>
            </a:r>
          </a:p>
          <a:p>
            <a:pPr lvl="1"/>
            <a:r>
              <a:rPr lang="en-US" sz="2000" dirty="0"/>
              <a:t>Embedded directly into the binary</a:t>
            </a:r>
          </a:p>
          <a:p>
            <a:pPr lvl="1"/>
            <a:r>
              <a:rPr lang="en-US" sz="2000" dirty="0"/>
              <a:t>HKLM\SOFTWARE\Microsoft\Windows\CurrentVersion\WINEVT\Publishers</a:t>
            </a:r>
          </a:p>
          <a:p>
            <a:pPr lvl="1"/>
            <a:r>
              <a:rPr lang="en-US" sz="2000" dirty="0"/>
              <a:t>Supports more than one trace session simultaneously </a:t>
            </a:r>
          </a:p>
          <a:p>
            <a:r>
              <a:rPr lang="en-US" sz="2000" dirty="0" err="1"/>
              <a:t>TraceLogging</a:t>
            </a:r>
            <a:r>
              <a:rPr lang="en-US" sz="2000" dirty="0"/>
              <a:t> providers</a:t>
            </a:r>
          </a:p>
          <a:p>
            <a:pPr lvl="1"/>
            <a:r>
              <a:rPr lang="en-US" sz="2000" dirty="0"/>
              <a:t>Newest provider type</a:t>
            </a:r>
          </a:p>
          <a:p>
            <a:pPr lvl="1"/>
            <a:r>
              <a:rPr lang="en-US" sz="2000" dirty="0"/>
              <a:t>Event format description is included in event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24DCF1-B96C-1149-879A-AC67ED9A6AB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7398570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CA8F56C-44EE-1346-81E2-A856A21AEC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arting an ETW trace sess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3B7EF60-2512-CF4D-9866-BDCEEE99CB6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3838055" cy="4545578"/>
          </a:xfrm>
        </p:spPr>
        <p:txBody>
          <a:bodyPr/>
          <a:lstStyle/>
          <a:p>
            <a:r>
              <a:rPr lang="en-US" sz="2000" dirty="0"/>
              <a:t>Easy to start an ETW trace session</a:t>
            </a:r>
          </a:p>
          <a:p>
            <a:r>
              <a:rPr lang="en-US" sz="2000" dirty="0"/>
              <a:t>Use </a:t>
            </a:r>
            <a:r>
              <a:rPr lang="en-US" sz="2000" i="1" dirty="0" err="1"/>
              <a:t>logman.exe</a:t>
            </a:r>
            <a:r>
              <a:rPr lang="en-US" sz="2000" dirty="0"/>
              <a:t> utility to query all available ETW providers</a:t>
            </a:r>
          </a:p>
          <a:p>
            <a:r>
              <a:rPr lang="en-US" sz="2000" dirty="0"/>
              <a:t>Use the registry to find suitable providers for binaries</a:t>
            </a:r>
          </a:p>
          <a:p>
            <a:endParaRPr lang="en-US" sz="2000" dirty="0"/>
          </a:p>
          <a:p>
            <a:endParaRPr lang="en-US" sz="2000" dirty="0"/>
          </a:p>
          <a:p>
            <a:endParaRPr lang="en-US" sz="2000" dirty="0"/>
          </a:p>
          <a:p>
            <a:endParaRPr lang="en-US" sz="2000" dirty="0"/>
          </a:p>
          <a:p>
            <a:r>
              <a:rPr lang="en-US" sz="2000" dirty="0"/>
              <a:t>Sessions can be started with three lines of PowerShel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FCF6A88-2DFC-E84E-A92D-8D672ECAFCB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2F956F4-9C62-D94F-BA04-2D3B51A49C2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64657" y="4507497"/>
            <a:ext cx="6812799" cy="1213883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6C1BC0AF-83AD-CD44-B52B-34D940E1E7F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12855" y="1568206"/>
            <a:ext cx="6577558" cy="24233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1984099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h3Dun9XSTEk8hnrwb6wS2Q=="},{"name":"PresentationTitle","value":"dhW55iOEDFxvjby+tFEkcHeJYNttHGUEWOLDLpwUZ+d7VT6pKmMQWTsbVfWVm6sGt6IkLG32J8HRFr1yNtIPyg=="}]}]]></TemplafyFormConfiguration>
</file>

<file path=customXml/item2.xml><?xml version="1.0" encoding="utf-8"?>
<TemplafyTemplateConfiguration><![CDATA[{"elementsMetadata":[{"type":"shape","id":"4ffcb4a6-9ad4-4f71-a114-950553658a21","elementConfiguration":{"binding":"UserProfile.Offices.Workarea_{{DocumentLanguage}}","disableUpdates":false,"type":"text"}},{"type":"shape","id":"530895af-5e08-405b-af06-ff4f9db9d1fc","elementConfiguration":{"format":"{{DateFormats.GeneralDate}}","binding":"Form.Date","disableUpdates":false,"type":"date"}},{"type":"shape","id":"8e8191b7-b034-4bbc-bb97-4258dbc872ae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CA9FC985-930B-40D4-827F-9FAC5D35EA8C}">
  <ds:schemaRefs/>
</ds:datastoreItem>
</file>

<file path=customXml/itemProps4.xml><?xml version="1.0" encoding="utf-8"?>
<ds:datastoreItem xmlns:ds="http://schemas.openxmlformats.org/officeDocument/2006/customXml" ds:itemID="{D27AE696-61B6-4B19-9CED-6F2A3F244FE3}">
  <ds:schemaRefs/>
</ds:datastoreItem>
</file>

<file path=customXml/itemProps5.xml><?xml version="1.0" encoding="utf-8"?>
<ds:datastoreItem xmlns:ds="http://schemas.openxmlformats.org/officeDocument/2006/customXml" ds:itemID="{1680B9DC-2D51-4402-BB2C-B8DE0C5AC522}">
  <ds:schemaRefs/>
</ds:datastoreItem>
</file>

<file path=customXml/itemProps6.xml><?xml version="1.0" encoding="utf-8"?>
<ds:datastoreItem xmlns:ds="http://schemas.openxmlformats.org/officeDocument/2006/customXml" ds:itemID="{6B8AD017-B053-4E30-93B9-B28A44CEC3A4}">
  <ds:schemaRefs/>
</ds:datastoreItem>
</file>

<file path=customXml/itemProps7.xml><?xml version="1.0" encoding="utf-8"?>
<ds:datastoreItem xmlns:ds="http://schemas.openxmlformats.org/officeDocument/2006/customXml" ds:itemID="{5DEE4BEE-00BA-4E32-BD26-AF535B50AC95}">
  <ds:schemaRefs/>
</ds:datastoreItem>
</file>

<file path=customXml/itemProps8.xml><?xml version="1.0" encoding="utf-8"?>
<ds:datastoreItem xmlns:ds="http://schemas.openxmlformats.org/officeDocument/2006/customXml" ds:itemID="{9587AFF5-BFB0-40A3-85CA-ADEED754080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335</TotalTime>
  <Words>1108</Words>
  <Application>Microsoft Macintosh PowerPoint</Application>
  <PresentationFormat>Custom</PresentationFormat>
  <Paragraphs>239</Paragraphs>
  <Slides>36</Slides>
  <Notes>1</Notes>
  <HiddenSlides>0</HiddenSlides>
  <MMClips>2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6</vt:i4>
      </vt:variant>
    </vt:vector>
  </HeadingPairs>
  <TitlesOfParts>
    <vt:vector size="39" baseType="lpstr">
      <vt:lpstr>Arial</vt:lpstr>
      <vt:lpstr>Verdana</vt:lpstr>
      <vt:lpstr>Blank</vt:lpstr>
      <vt:lpstr>PowerPoint Presentation</vt:lpstr>
      <vt:lpstr>Dynamic Detection of Vulnerability Exploitation in Windows</vt:lpstr>
      <vt:lpstr>Introduction</vt:lpstr>
      <vt:lpstr>Purpose</vt:lpstr>
      <vt:lpstr>Overview</vt:lpstr>
      <vt:lpstr>Tracing and logging</vt:lpstr>
      <vt:lpstr>Event Tracing for Windows (ETW)</vt:lpstr>
      <vt:lpstr>Event provider types</vt:lpstr>
      <vt:lpstr>Starting an ETW trace session</vt:lpstr>
      <vt:lpstr>Function hooking</vt:lpstr>
      <vt:lpstr>Function hooking in practice</vt:lpstr>
      <vt:lpstr>Vulnerability analysis</vt:lpstr>
      <vt:lpstr>CVE-2021-24086 – How to analyze a vulnerability in Windows</vt:lpstr>
      <vt:lpstr>CVE-2021-24086 – Analyzing changes</vt:lpstr>
      <vt:lpstr>CVE-2021-24086 – Analyzing changes</vt:lpstr>
      <vt:lpstr>CVE-2021-24086 – IPv6 fragmentation primer</vt:lpstr>
      <vt:lpstr>CVE-2021-24086 – IPv6 extension headers</vt:lpstr>
      <vt:lpstr>CVE-2021-24086 – Fragmentation and reassembly</vt:lpstr>
      <vt:lpstr>CVE-2021-24086 – Root cause analysis</vt:lpstr>
      <vt:lpstr>CVE-2021-24086 – Root cause analysis</vt:lpstr>
      <vt:lpstr>CVE-2021-24086 – Root cause analysis</vt:lpstr>
      <vt:lpstr>CVE-2021-24086 – Root cause analysis</vt:lpstr>
      <vt:lpstr>CVE-2021-24086 – Triggering the vulnerability</vt:lpstr>
      <vt:lpstr>CVE-2021-24086 – Triggering the vulnerability</vt:lpstr>
      <vt:lpstr>CVE-2021-24086 – Proof of Concept</vt:lpstr>
      <vt:lpstr>Detection</vt:lpstr>
      <vt:lpstr>Detection of CVE-2021-24086 - ETW</vt:lpstr>
      <vt:lpstr>Detection of CVE-2021-24086 - ETW</vt:lpstr>
      <vt:lpstr>Detection of CVE-2021-24086 – Function hooking</vt:lpstr>
      <vt:lpstr>Detection of CVE-2021-24086 – Function hooking</vt:lpstr>
      <vt:lpstr>Detection of CVE-2021-24086 – Function hooking PoC</vt:lpstr>
      <vt:lpstr>Discussion</vt:lpstr>
      <vt:lpstr>Scalability and automation – Patch information</vt:lpstr>
      <vt:lpstr>Scalability and automation – Root cause analysis</vt:lpstr>
      <vt:lpstr>Scalability and automation – Creating detections</vt:lpstr>
      <vt:lpstr>Conclus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Søren Fritzbøger</cp:lastModifiedBy>
  <cp:revision>88</cp:revision>
  <dcterms:created xsi:type="dcterms:W3CDTF">2017-07-31T08:31:56Z</dcterms:created>
  <dcterms:modified xsi:type="dcterms:W3CDTF">2021-08-22T21:30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52397715281278</vt:lpwstr>
  </property>
  <property fmtid="{D5CDD505-2E9C-101B-9397-08002B2CF9AE}" pid="6" name="TemplafyLanguageCode">
    <vt:lpwstr>da-DK</vt:lpwstr>
  </property>
</Properties>
</file>